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4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0"/>
  </p:notesMasterIdLst>
  <p:sldIdLst>
    <p:sldId id="256" r:id="rId2"/>
    <p:sldId id="639" r:id="rId3"/>
    <p:sldId id="258" r:id="rId4"/>
    <p:sldId id="259" r:id="rId5"/>
    <p:sldId id="631" r:id="rId6"/>
    <p:sldId id="641" r:id="rId7"/>
    <p:sldId id="642" r:id="rId8"/>
    <p:sldId id="643" r:id="rId9"/>
  </p:sldIdLst>
  <p:sldSz cx="12192000" cy="6858000"/>
  <p:notesSz cx="6858000" cy="9144000"/>
  <p:defaultTextStyle>
    <a:defPPr>
      <a:defRPr lang="cs-CZ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3A6095"/>
    <a:srgbClr val="014990"/>
    <a:srgbClr val="E127C6"/>
    <a:srgbClr val="C840A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0B7AFF0-3E18-4486-A632-CEA706A89AAC}" v="308" dt="2019-03-31T16:33:08.614"/>
    <p1510:client id="{995FE33D-D744-4C25-9F36-CFCEF7D5137C}" v="7223" dt="2019-04-01T08:16:59.60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1" d="100"/>
          <a:sy n="71" d="100"/>
        </p:scale>
        <p:origin x="473" y="31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microsoft.com/office/2016/11/relationships/changesInfo" Target="changesInfos/changesInfo1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ubomír Fojtů" userId="629ab448-eb35-4954-b771-bccc02d8ff90" providerId="ADAL" clId="{995FE33D-D744-4C25-9F36-CFCEF7D5137C}"/>
    <pc:docChg chg="undo custSel modSld">
      <pc:chgData name="Lubomír Fojtů" userId="629ab448-eb35-4954-b771-bccc02d8ff90" providerId="ADAL" clId="{995FE33D-D744-4C25-9F36-CFCEF7D5137C}" dt="2019-04-01T08:16:59.600" v="22801"/>
      <pc:docMkLst>
        <pc:docMk/>
      </pc:docMkLst>
      <pc:sldChg chg="addSp delSp modSp">
        <pc:chgData name="Lubomír Fojtů" userId="629ab448-eb35-4954-b771-bccc02d8ff90" providerId="ADAL" clId="{995FE33D-D744-4C25-9F36-CFCEF7D5137C}" dt="2019-04-01T08:16:59.600" v="22801"/>
        <pc:sldMkLst>
          <pc:docMk/>
          <pc:sldMk cId="938656710" sldId="258"/>
        </pc:sldMkLst>
        <pc:spChg chg="del">
          <ac:chgData name="Lubomír Fojtů" userId="629ab448-eb35-4954-b771-bccc02d8ff90" providerId="ADAL" clId="{995FE33D-D744-4C25-9F36-CFCEF7D5137C}" dt="2019-04-01T08:15:26.032" v="239"/>
          <ac:spMkLst>
            <pc:docMk/>
            <pc:sldMk cId="938656710" sldId="258"/>
            <ac:spMk id="2" creationId="{5C259F05-2BF6-40B3-AD76-AD38239B010F}"/>
          </ac:spMkLst>
        </pc:spChg>
        <pc:spChg chg="del">
          <ac:chgData name="Lubomír Fojtů" userId="629ab448-eb35-4954-b771-bccc02d8ff90" providerId="ADAL" clId="{995FE33D-D744-4C25-9F36-CFCEF7D5137C}" dt="2019-04-01T08:15:26.032" v="241"/>
          <ac:spMkLst>
            <pc:docMk/>
            <pc:sldMk cId="938656710" sldId="258"/>
            <ac:spMk id="3" creationId="{6BC87106-D614-4B67-8D2C-FE9BA6E3D867}"/>
          </ac:spMkLst>
        </pc:spChg>
        <pc:spChg chg="del">
          <ac:chgData name="Lubomír Fojtů" userId="629ab448-eb35-4954-b771-bccc02d8ff90" providerId="ADAL" clId="{995FE33D-D744-4C25-9F36-CFCEF7D5137C}" dt="2019-04-01T08:15:26.032" v="243"/>
          <ac:spMkLst>
            <pc:docMk/>
            <pc:sldMk cId="938656710" sldId="258"/>
            <ac:spMk id="4" creationId="{1A59FC92-96E8-4D91-8D9D-31AA9B4C5479}"/>
          </ac:spMkLst>
        </pc:spChg>
        <pc:spChg chg="del">
          <ac:chgData name="Lubomír Fojtů" userId="629ab448-eb35-4954-b771-bccc02d8ff90" providerId="ADAL" clId="{995FE33D-D744-4C25-9F36-CFCEF7D5137C}" dt="2019-04-01T08:15:26.032" v="245"/>
          <ac:spMkLst>
            <pc:docMk/>
            <pc:sldMk cId="938656710" sldId="258"/>
            <ac:spMk id="5" creationId="{3A1FDBAC-55D4-4F92-B1F0-61078F55AF7E}"/>
          </ac:spMkLst>
        </pc:spChg>
        <pc:spChg chg="del">
          <ac:chgData name="Lubomír Fojtů" userId="629ab448-eb35-4954-b771-bccc02d8ff90" providerId="ADAL" clId="{995FE33D-D744-4C25-9F36-CFCEF7D5137C}" dt="2019-04-01T08:15:26.047" v="247"/>
          <ac:spMkLst>
            <pc:docMk/>
            <pc:sldMk cId="938656710" sldId="258"/>
            <ac:spMk id="6" creationId="{CD1FB53E-7299-43E3-B0E6-DF7D682E9EA3}"/>
          </ac:spMkLst>
        </pc:spChg>
        <pc:spChg chg="del">
          <ac:chgData name="Lubomír Fojtů" userId="629ab448-eb35-4954-b771-bccc02d8ff90" providerId="ADAL" clId="{995FE33D-D744-4C25-9F36-CFCEF7D5137C}" dt="2019-04-01T08:15:26.047" v="249"/>
          <ac:spMkLst>
            <pc:docMk/>
            <pc:sldMk cId="938656710" sldId="258"/>
            <ac:spMk id="7" creationId="{96F11F20-309D-480D-B341-92E4F1A661A4}"/>
          </ac:spMkLst>
        </pc:spChg>
        <pc:spChg chg="del">
          <ac:chgData name="Lubomír Fojtů" userId="629ab448-eb35-4954-b771-bccc02d8ff90" providerId="ADAL" clId="{995FE33D-D744-4C25-9F36-CFCEF7D5137C}" dt="2019-04-01T08:15:26.047" v="251"/>
          <ac:spMkLst>
            <pc:docMk/>
            <pc:sldMk cId="938656710" sldId="258"/>
            <ac:spMk id="8" creationId="{FA0D075E-331D-4F00-8082-F955B61BB7A6}"/>
          </ac:spMkLst>
        </pc:spChg>
        <pc:spChg chg="del">
          <ac:chgData name="Lubomír Fojtů" userId="629ab448-eb35-4954-b771-bccc02d8ff90" providerId="ADAL" clId="{995FE33D-D744-4C25-9F36-CFCEF7D5137C}" dt="2019-04-01T08:15:26.047" v="255"/>
          <ac:spMkLst>
            <pc:docMk/>
            <pc:sldMk cId="938656710" sldId="258"/>
            <ac:spMk id="10" creationId="{CC206297-5A5A-4150-8889-087BFCCA24C7}"/>
          </ac:spMkLst>
        </pc:spChg>
        <pc:spChg chg="del">
          <ac:chgData name="Lubomír Fojtů" userId="629ab448-eb35-4954-b771-bccc02d8ff90" providerId="ADAL" clId="{995FE33D-D744-4C25-9F36-CFCEF7D5137C}" dt="2019-04-01T08:15:26.047" v="259"/>
          <ac:spMkLst>
            <pc:docMk/>
            <pc:sldMk cId="938656710" sldId="258"/>
            <ac:spMk id="12" creationId="{853BAFED-7EB6-4BD6-AFF7-046F1CE72CF3}"/>
          </ac:spMkLst>
        </pc:spChg>
        <pc:spChg chg="del">
          <ac:chgData name="Lubomír Fojtů" userId="629ab448-eb35-4954-b771-bccc02d8ff90" providerId="ADAL" clId="{995FE33D-D744-4C25-9F36-CFCEF7D5137C}" dt="2019-04-01T08:15:26.047" v="263"/>
          <ac:spMkLst>
            <pc:docMk/>
            <pc:sldMk cId="938656710" sldId="258"/>
            <ac:spMk id="14" creationId="{17298463-CB7F-49E3-BDE8-CF06600C875D}"/>
          </ac:spMkLst>
        </pc:spChg>
        <pc:spChg chg="del">
          <ac:chgData name="Lubomír Fojtů" userId="629ab448-eb35-4954-b771-bccc02d8ff90" providerId="ADAL" clId="{995FE33D-D744-4C25-9F36-CFCEF7D5137C}" dt="2019-04-01T08:15:26.047" v="267"/>
          <ac:spMkLst>
            <pc:docMk/>
            <pc:sldMk cId="938656710" sldId="258"/>
            <ac:spMk id="16" creationId="{18123373-6BCF-421D-9F20-6C8617E8B2F5}"/>
          </ac:spMkLst>
        </pc:spChg>
        <pc:spChg chg="del">
          <ac:chgData name="Lubomír Fojtů" userId="629ab448-eb35-4954-b771-bccc02d8ff90" providerId="ADAL" clId="{995FE33D-D744-4C25-9F36-CFCEF7D5137C}" dt="2019-04-01T08:15:26.047" v="271"/>
          <ac:spMkLst>
            <pc:docMk/>
            <pc:sldMk cId="938656710" sldId="258"/>
            <ac:spMk id="18" creationId="{B277F1BC-BF29-41ED-95B1-D028278D8D1C}"/>
          </ac:spMkLst>
        </pc:spChg>
        <pc:spChg chg="del">
          <ac:chgData name="Lubomír Fojtů" userId="629ab448-eb35-4954-b771-bccc02d8ff90" providerId="ADAL" clId="{995FE33D-D744-4C25-9F36-CFCEF7D5137C}" dt="2019-04-01T08:15:26.047" v="275"/>
          <ac:spMkLst>
            <pc:docMk/>
            <pc:sldMk cId="938656710" sldId="258"/>
            <ac:spMk id="20" creationId="{D0C7ED3C-C547-411C-A520-BB34A847F821}"/>
          </ac:spMkLst>
        </pc:spChg>
        <pc:spChg chg="del">
          <ac:chgData name="Lubomír Fojtů" userId="629ab448-eb35-4954-b771-bccc02d8ff90" providerId="ADAL" clId="{995FE33D-D744-4C25-9F36-CFCEF7D5137C}" dt="2019-04-01T08:15:26.047" v="279"/>
          <ac:spMkLst>
            <pc:docMk/>
            <pc:sldMk cId="938656710" sldId="258"/>
            <ac:spMk id="22" creationId="{872786EA-27E8-4966-8D9D-B713ECA8FF10}"/>
          </ac:spMkLst>
        </pc:spChg>
        <pc:spChg chg="del">
          <ac:chgData name="Lubomír Fojtů" userId="629ab448-eb35-4954-b771-bccc02d8ff90" providerId="ADAL" clId="{995FE33D-D744-4C25-9F36-CFCEF7D5137C}" dt="2019-04-01T08:15:26.047" v="283"/>
          <ac:spMkLst>
            <pc:docMk/>
            <pc:sldMk cId="938656710" sldId="258"/>
            <ac:spMk id="24" creationId="{DE887036-30DD-478F-9214-D02AC8A83FB0}"/>
          </ac:spMkLst>
        </pc:spChg>
        <pc:spChg chg="add del mod">
          <ac:chgData name="Lubomír Fojtů" userId="629ab448-eb35-4954-b771-bccc02d8ff90" providerId="ADAL" clId="{995FE33D-D744-4C25-9F36-CFCEF7D5137C}" dt="2019-04-01T08:16:53.879" v="14432"/>
          <ac:spMkLst>
            <pc:docMk/>
            <pc:sldMk cId="938656710" sldId="258"/>
            <ac:spMk id="3627" creationId="{0BD2CC1C-72D0-473A-8B32-469022C1A032}"/>
          </ac:spMkLst>
        </pc:spChg>
        <pc:spChg chg="add del mod">
          <ac:chgData name="Lubomír Fojtů" userId="629ab448-eb35-4954-b771-bccc02d8ff90" providerId="ADAL" clId="{995FE33D-D744-4C25-9F36-CFCEF7D5137C}" dt="2019-04-01T08:16:53.879" v="14436"/>
          <ac:spMkLst>
            <pc:docMk/>
            <pc:sldMk cId="938656710" sldId="258"/>
            <ac:spMk id="3629" creationId="{21EF7343-F18F-42BF-8DB1-DDB7FF3036D9}"/>
          </ac:spMkLst>
        </pc:spChg>
        <pc:spChg chg="add del mod">
          <ac:chgData name="Lubomír Fojtů" userId="629ab448-eb35-4954-b771-bccc02d8ff90" providerId="ADAL" clId="{995FE33D-D744-4C25-9F36-CFCEF7D5137C}" dt="2019-04-01T08:16:53.879" v="14440"/>
          <ac:spMkLst>
            <pc:docMk/>
            <pc:sldMk cId="938656710" sldId="258"/>
            <ac:spMk id="3631" creationId="{370AD05F-03C9-43EE-A083-95083B3FC966}"/>
          </ac:spMkLst>
        </pc:spChg>
        <pc:spChg chg="add del mod">
          <ac:chgData name="Lubomír Fojtů" userId="629ab448-eb35-4954-b771-bccc02d8ff90" providerId="ADAL" clId="{995FE33D-D744-4C25-9F36-CFCEF7D5137C}" dt="2019-04-01T08:16:53.894" v="14444"/>
          <ac:spMkLst>
            <pc:docMk/>
            <pc:sldMk cId="938656710" sldId="258"/>
            <ac:spMk id="3633" creationId="{D12DAFF2-1DA0-425C-9C04-8D2428909574}"/>
          </ac:spMkLst>
        </pc:spChg>
        <pc:spChg chg="add del mod">
          <ac:chgData name="Lubomír Fojtů" userId="629ab448-eb35-4954-b771-bccc02d8ff90" providerId="ADAL" clId="{995FE33D-D744-4C25-9F36-CFCEF7D5137C}" dt="2019-04-01T08:16:53.894" v="14448"/>
          <ac:spMkLst>
            <pc:docMk/>
            <pc:sldMk cId="938656710" sldId="258"/>
            <ac:spMk id="3635" creationId="{D35708FC-AB45-4DFF-9C36-201A0261DE69}"/>
          </ac:spMkLst>
        </pc:spChg>
        <pc:spChg chg="add del mod">
          <ac:chgData name="Lubomír Fojtů" userId="629ab448-eb35-4954-b771-bccc02d8ff90" providerId="ADAL" clId="{995FE33D-D744-4C25-9F36-CFCEF7D5137C}" dt="2019-04-01T08:16:53.894" v="14452"/>
          <ac:spMkLst>
            <pc:docMk/>
            <pc:sldMk cId="938656710" sldId="258"/>
            <ac:spMk id="3637" creationId="{1983264F-5320-4EF8-ACF1-B557B2CDA7A4}"/>
          </ac:spMkLst>
        </pc:spChg>
        <pc:spChg chg="add del mod">
          <ac:chgData name="Lubomír Fojtů" userId="629ab448-eb35-4954-b771-bccc02d8ff90" providerId="ADAL" clId="{995FE33D-D744-4C25-9F36-CFCEF7D5137C}" dt="2019-04-01T08:16:53.894" v="14456"/>
          <ac:spMkLst>
            <pc:docMk/>
            <pc:sldMk cId="938656710" sldId="258"/>
            <ac:spMk id="3639" creationId="{CADA9656-A5BC-4061-B330-1A85334CDD98}"/>
          </ac:spMkLst>
        </pc:spChg>
        <pc:spChg chg="add del mod">
          <ac:chgData name="Lubomír Fojtů" userId="629ab448-eb35-4954-b771-bccc02d8ff90" providerId="ADAL" clId="{995FE33D-D744-4C25-9F36-CFCEF7D5137C}" dt="2019-04-01T08:16:53.894" v="14460"/>
          <ac:spMkLst>
            <pc:docMk/>
            <pc:sldMk cId="938656710" sldId="258"/>
            <ac:spMk id="3641" creationId="{36F36F7D-44FA-429A-9046-67FAA752DFB0}"/>
          </ac:spMkLst>
        </pc:spChg>
        <pc:spChg chg="add del mod">
          <ac:chgData name="Lubomír Fojtů" userId="629ab448-eb35-4954-b771-bccc02d8ff90" providerId="ADAL" clId="{995FE33D-D744-4C25-9F36-CFCEF7D5137C}" dt="2019-04-01T08:16:53.879" v="14416"/>
          <ac:spMkLst>
            <pc:docMk/>
            <pc:sldMk cId="938656710" sldId="258"/>
            <ac:spMk id="3808" creationId="{807BD3EE-1C0E-45F6-83E7-149EA8643E7D}"/>
          </ac:spMkLst>
        </pc:spChg>
        <pc:spChg chg="add del mod">
          <ac:chgData name="Lubomír Fojtů" userId="629ab448-eb35-4954-b771-bccc02d8ff90" providerId="ADAL" clId="{995FE33D-D744-4C25-9F36-CFCEF7D5137C}" dt="2019-04-01T08:16:53.879" v="14418"/>
          <ac:spMkLst>
            <pc:docMk/>
            <pc:sldMk cId="938656710" sldId="258"/>
            <ac:spMk id="3809" creationId="{DF32B6A4-DEAD-445E-B2C7-01F387F2349C}"/>
          </ac:spMkLst>
        </pc:spChg>
        <pc:spChg chg="add del mod">
          <ac:chgData name="Lubomír Fojtů" userId="629ab448-eb35-4954-b771-bccc02d8ff90" providerId="ADAL" clId="{995FE33D-D744-4C25-9F36-CFCEF7D5137C}" dt="2019-04-01T08:16:53.879" v="14420"/>
          <ac:spMkLst>
            <pc:docMk/>
            <pc:sldMk cId="938656710" sldId="258"/>
            <ac:spMk id="3810" creationId="{3E16FB3A-974B-4D6E-9041-9620E46E4C00}"/>
          </ac:spMkLst>
        </pc:spChg>
        <pc:spChg chg="add del mod">
          <ac:chgData name="Lubomír Fojtů" userId="629ab448-eb35-4954-b771-bccc02d8ff90" providerId="ADAL" clId="{995FE33D-D744-4C25-9F36-CFCEF7D5137C}" dt="2019-04-01T08:16:53.879" v="14422"/>
          <ac:spMkLst>
            <pc:docMk/>
            <pc:sldMk cId="938656710" sldId="258"/>
            <ac:spMk id="3811" creationId="{4DE3ADAA-6355-4F6B-8477-9E835C61FEFB}"/>
          </ac:spMkLst>
        </pc:spChg>
        <pc:spChg chg="add del mod">
          <ac:chgData name="Lubomír Fojtů" userId="629ab448-eb35-4954-b771-bccc02d8ff90" providerId="ADAL" clId="{995FE33D-D744-4C25-9F36-CFCEF7D5137C}" dt="2019-04-01T08:16:53.879" v="14424"/>
          <ac:spMkLst>
            <pc:docMk/>
            <pc:sldMk cId="938656710" sldId="258"/>
            <ac:spMk id="3812" creationId="{0DDE726C-024C-457E-BB0C-3ADD49171CCE}"/>
          </ac:spMkLst>
        </pc:spChg>
        <pc:spChg chg="add del mod">
          <ac:chgData name="Lubomír Fojtů" userId="629ab448-eb35-4954-b771-bccc02d8ff90" providerId="ADAL" clId="{995FE33D-D744-4C25-9F36-CFCEF7D5137C}" dt="2019-04-01T08:16:53.879" v="14426"/>
          <ac:spMkLst>
            <pc:docMk/>
            <pc:sldMk cId="938656710" sldId="258"/>
            <ac:spMk id="3813" creationId="{4511F9F4-690C-4B8C-8812-B1940136D921}"/>
          </ac:spMkLst>
        </pc:spChg>
        <pc:spChg chg="add del mod">
          <ac:chgData name="Lubomír Fojtů" userId="629ab448-eb35-4954-b771-bccc02d8ff90" providerId="ADAL" clId="{995FE33D-D744-4C25-9F36-CFCEF7D5137C}" dt="2019-04-01T08:16:53.879" v="14428"/>
          <ac:spMkLst>
            <pc:docMk/>
            <pc:sldMk cId="938656710" sldId="258"/>
            <ac:spMk id="3814" creationId="{6C9B3838-CD55-4106-A7D0-E5979EB76BCE}"/>
          </ac:spMkLst>
        </pc:spChg>
        <pc:spChg chg="del">
          <ac:chgData name="Lubomír Fojtů" userId="629ab448-eb35-4954-b771-bccc02d8ff90" providerId="ADAL" clId="{995FE33D-D744-4C25-9F36-CFCEF7D5137C}" dt="2019-04-01T08:15:26.063" v="291"/>
          <ac:spMkLst>
            <pc:docMk/>
            <pc:sldMk cId="938656710" sldId="258"/>
            <ac:spMk id="3868" creationId="{0E551F15-033F-434A-B1DD-8018B8F629A6}"/>
          </ac:spMkLst>
        </pc:spChg>
        <pc:spChg chg="del">
          <ac:chgData name="Lubomír Fojtů" userId="629ab448-eb35-4954-b771-bccc02d8ff90" providerId="ADAL" clId="{995FE33D-D744-4C25-9F36-CFCEF7D5137C}" dt="2019-04-01T08:15:26.063" v="293"/>
          <ac:spMkLst>
            <pc:docMk/>
            <pc:sldMk cId="938656710" sldId="258"/>
            <ac:spMk id="3869" creationId="{B8140F9C-2E3D-4356-99F0-9747E20A1929}"/>
          </ac:spMkLst>
        </pc:spChg>
        <pc:spChg chg="del">
          <ac:chgData name="Lubomír Fojtů" userId="629ab448-eb35-4954-b771-bccc02d8ff90" providerId="ADAL" clId="{995FE33D-D744-4C25-9F36-CFCEF7D5137C}" dt="2019-04-01T08:15:26.063" v="295"/>
          <ac:spMkLst>
            <pc:docMk/>
            <pc:sldMk cId="938656710" sldId="258"/>
            <ac:spMk id="3870" creationId="{ADF3D0C1-0FDA-46B0-9DC5-8A04EEA536FB}"/>
          </ac:spMkLst>
        </pc:spChg>
        <pc:spChg chg="del">
          <ac:chgData name="Lubomír Fojtů" userId="629ab448-eb35-4954-b771-bccc02d8ff90" providerId="ADAL" clId="{995FE33D-D744-4C25-9F36-CFCEF7D5137C}" dt="2019-04-01T08:15:26.063" v="297"/>
          <ac:spMkLst>
            <pc:docMk/>
            <pc:sldMk cId="938656710" sldId="258"/>
            <ac:spMk id="3871" creationId="{81A638BD-6BC3-49F3-934A-456B41A18C73}"/>
          </ac:spMkLst>
        </pc:spChg>
        <pc:spChg chg="del">
          <ac:chgData name="Lubomír Fojtů" userId="629ab448-eb35-4954-b771-bccc02d8ff90" providerId="ADAL" clId="{995FE33D-D744-4C25-9F36-CFCEF7D5137C}" dt="2019-04-01T08:15:26.063" v="299"/>
          <ac:spMkLst>
            <pc:docMk/>
            <pc:sldMk cId="938656710" sldId="258"/>
            <ac:spMk id="3872" creationId="{B6EF70CD-1911-4983-B889-B13521430D8F}"/>
          </ac:spMkLst>
        </pc:spChg>
        <pc:spChg chg="del">
          <ac:chgData name="Lubomír Fojtů" userId="629ab448-eb35-4954-b771-bccc02d8ff90" providerId="ADAL" clId="{995FE33D-D744-4C25-9F36-CFCEF7D5137C}" dt="2019-04-01T08:15:26.063" v="301"/>
          <ac:spMkLst>
            <pc:docMk/>
            <pc:sldMk cId="938656710" sldId="258"/>
            <ac:spMk id="3873" creationId="{E989AC0B-3BB1-41C2-BC8F-C7BAD691E1A3}"/>
          </ac:spMkLst>
        </pc:spChg>
        <pc:spChg chg="del">
          <ac:chgData name="Lubomír Fojtů" userId="629ab448-eb35-4954-b771-bccc02d8ff90" providerId="ADAL" clId="{995FE33D-D744-4C25-9F36-CFCEF7D5137C}" dt="2019-04-01T08:15:26.063" v="303"/>
          <ac:spMkLst>
            <pc:docMk/>
            <pc:sldMk cId="938656710" sldId="258"/>
            <ac:spMk id="3874" creationId="{54D75671-58B0-49AD-BDD9-16DC041D64D3}"/>
          </ac:spMkLst>
        </pc:spChg>
        <pc:spChg chg="del">
          <ac:chgData name="Lubomír Fojtů" userId="629ab448-eb35-4954-b771-bccc02d8ff90" providerId="ADAL" clId="{995FE33D-D744-4C25-9F36-CFCEF7D5137C}" dt="2019-04-01T08:15:26.063" v="305"/>
          <ac:spMkLst>
            <pc:docMk/>
            <pc:sldMk cId="938656710" sldId="258"/>
            <ac:spMk id="3875" creationId="{8912F0CF-F8C0-4FA4-A903-04B3F6689486}"/>
          </ac:spMkLst>
        </pc:spChg>
        <pc:spChg chg="del">
          <ac:chgData name="Lubomír Fojtů" userId="629ab448-eb35-4954-b771-bccc02d8ff90" providerId="ADAL" clId="{995FE33D-D744-4C25-9F36-CFCEF7D5137C}" dt="2019-04-01T08:15:26.063" v="307"/>
          <ac:spMkLst>
            <pc:docMk/>
            <pc:sldMk cId="938656710" sldId="258"/>
            <ac:spMk id="3876" creationId="{FE46DE0C-1A1D-4535-966D-26CC60FA6E87}"/>
          </ac:spMkLst>
        </pc:spChg>
        <pc:spChg chg="del">
          <ac:chgData name="Lubomír Fojtů" userId="629ab448-eb35-4954-b771-bccc02d8ff90" providerId="ADAL" clId="{995FE33D-D744-4C25-9F36-CFCEF7D5137C}" dt="2019-04-01T08:15:26.063" v="309"/>
          <ac:spMkLst>
            <pc:docMk/>
            <pc:sldMk cId="938656710" sldId="258"/>
            <ac:spMk id="3877" creationId="{35FDBAE3-10AC-4765-B1A9-D4B01275942A}"/>
          </ac:spMkLst>
        </pc:spChg>
        <pc:spChg chg="del">
          <ac:chgData name="Lubomír Fojtů" userId="629ab448-eb35-4954-b771-bccc02d8ff90" providerId="ADAL" clId="{995FE33D-D744-4C25-9F36-CFCEF7D5137C}" dt="2019-04-01T08:15:26.063" v="311"/>
          <ac:spMkLst>
            <pc:docMk/>
            <pc:sldMk cId="938656710" sldId="258"/>
            <ac:spMk id="3878" creationId="{458F2B5E-9272-4ADC-9675-CF633CF55C02}"/>
          </ac:spMkLst>
        </pc:spChg>
        <pc:spChg chg="del">
          <ac:chgData name="Lubomír Fojtů" userId="629ab448-eb35-4954-b771-bccc02d8ff90" providerId="ADAL" clId="{995FE33D-D744-4C25-9F36-CFCEF7D5137C}" dt="2019-04-01T08:15:26.063" v="313"/>
          <ac:spMkLst>
            <pc:docMk/>
            <pc:sldMk cId="938656710" sldId="258"/>
            <ac:spMk id="3879" creationId="{DA7E0975-D6F6-40F4-ACAF-2378425BB2D6}"/>
          </ac:spMkLst>
        </pc:spChg>
        <pc:spChg chg="del">
          <ac:chgData name="Lubomír Fojtů" userId="629ab448-eb35-4954-b771-bccc02d8ff90" providerId="ADAL" clId="{995FE33D-D744-4C25-9F36-CFCEF7D5137C}" dt="2019-04-01T08:15:26.063" v="315"/>
          <ac:spMkLst>
            <pc:docMk/>
            <pc:sldMk cId="938656710" sldId="258"/>
            <ac:spMk id="3880" creationId="{3E681CBF-4926-46FA-B417-FF3F54280176}"/>
          </ac:spMkLst>
        </pc:spChg>
        <pc:spChg chg="del">
          <ac:chgData name="Lubomír Fojtů" userId="629ab448-eb35-4954-b771-bccc02d8ff90" providerId="ADAL" clId="{995FE33D-D744-4C25-9F36-CFCEF7D5137C}" dt="2019-04-01T08:15:26.063" v="317"/>
          <ac:spMkLst>
            <pc:docMk/>
            <pc:sldMk cId="938656710" sldId="258"/>
            <ac:spMk id="3881" creationId="{00E2D9E9-BA74-41D7-B5C0-12AF0EC7CFF3}"/>
          </ac:spMkLst>
        </pc:spChg>
        <pc:spChg chg="del">
          <ac:chgData name="Lubomír Fojtů" userId="629ab448-eb35-4954-b771-bccc02d8ff90" providerId="ADAL" clId="{995FE33D-D744-4C25-9F36-CFCEF7D5137C}" dt="2019-04-01T08:15:26.063" v="319"/>
          <ac:spMkLst>
            <pc:docMk/>
            <pc:sldMk cId="938656710" sldId="258"/>
            <ac:spMk id="3882" creationId="{048D5991-7FDB-4494-B0B4-DD807D122302}"/>
          </ac:spMkLst>
        </pc:spChg>
        <pc:spChg chg="del">
          <ac:chgData name="Lubomír Fojtů" userId="629ab448-eb35-4954-b771-bccc02d8ff90" providerId="ADAL" clId="{995FE33D-D744-4C25-9F36-CFCEF7D5137C}" dt="2019-04-01T08:15:26.063" v="321"/>
          <ac:spMkLst>
            <pc:docMk/>
            <pc:sldMk cId="938656710" sldId="258"/>
            <ac:spMk id="3883" creationId="{54F69598-24FC-448B-9CA7-AFE3F6300781}"/>
          </ac:spMkLst>
        </pc:spChg>
        <pc:spChg chg="del">
          <ac:chgData name="Lubomír Fojtů" userId="629ab448-eb35-4954-b771-bccc02d8ff90" providerId="ADAL" clId="{995FE33D-D744-4C25-9F36-CFCEF7D5137C}" dt="2019-04-01T08:15:26.063" v="323"/>
          <ac:spMkLst>
            <pc:docMk/>
            <pc:sldMk cId="938656710" sldId="258"/>
            <ac:spMk id="3884" creationId="{FEF7F0C8-48DB-40AF-A24F-8E8E0A04BF83}"/>
          </ac:spMkLst>
        </pc:spChg>
        <pc:spChg chg="del">
          <ac:chgData name="Lubomír Fojtů" userId="629ab448-eb35-4954-b771-bccc02d8ff90" providerId="ADAL" clId="{995FE33D-D744-4C25-9F36-CFCEF7D5137C}" dt="2019-04-01T08:15:26.063" v="325"/>
          <ac:spMkLst>
            <pc:docMk/>
            <pc:sldMk cId="938656710" sldId="258"/>
            <ac:spMk id="3885" creationId="{6E2C1A52-B5CF-4CC8-93FB-8290D16BC37D}"/>
          </ac:spMkLst>
        </pc:spChg>
        <pc:spChg chg="del">
          <ac:chgData name="Lubomír Fojtů" userId="629ab448-eb35-4954-b771-bccc02d8ff90" providerId="ADAL" clId="{995FE33D-D744-4C25-9F36-CFCEF7D5137C}" dt="2019-04-01T08:15:26.063" v="327"/>
          <ac:spMkLst>
            <pc:docMk/>
            <pc:sldMk cId="938656710" sldId="258"/>
            <ac:spMk id="3886" creationId="{2FE9741D-CAD0-411A-A45D-3F1560C4C0B9}"/>
          </ac:spMkLst>
        </pc:spChg>
        <pc:spChg chg="del">
          <ac:chgData name="Lubomír Fojtů" userId="629ab448-eb35-4954-b771-bccc02d8ff90" providerId="ADAL" clId="{995FE33D-D744-4C25-9F36-CFCEF7D5137C}" dt="2019-04-01T08:15:26.063" v="329"/>
          <ac:spMkLst>
            <pc:docMk/>
            <pc:sldMk cId="938656710" sldId="258"/>
            <ac:spMk id="3887" creationId="{62D51A30-B487-4A4F-BA68-51968D84F4FC}"/>
          </ac:spMkLst>
        </pc:spChg>
        <pc:spChg chg="del">
          <ac:chgData name="Lubomír Fojtů" userId="629ab448-eb35-4954-b771-bccc02d8ff90" providerId="ADAL" clId="{995FE33D-D744-4C25-9F36-CFCEF7D5137C}" dt="2019-04-01T08:15:26.063" v="331"/>
          <ac:spMkLst>
            <pc:docMk/>
            <pc:sldMk cId="938656710" sldId="258"/>
            <ac:spMk id="3888" creationId="{99951264-8217-411E-9733-BD1223FACC16}"/>
          </ac:spMkLst>
        </pc:spChg>
        <pc:spChg chg="del">
          <ac:chgData name="Lubomír Fojtů" userId="629ab448-eb35-4954-b771-bccc02d8ff90" providerId="ADAL" clId="{995FE33D-D744-4C25-9F36-CFCEF7D5137C}" dt="2019-04-01T08:15:26.063" v="333"/>
          <ac:spMkLst>
            <pc:docMk/>
            <pc:sldMk cId="938656710" sldId="258"/>
            <ac:spMk id="3889" creationId="{F4E2ECB2-D598-4E09-9A65-10947B27EEBB}"/>
          </ac:spMkLst>
        </pc:spChg>
        <pc:spChg chg="del">
          <ac:chgData name="Lubomír Fojtů" userId="629ab448-eb35-4954-b771-bccc02d8ff90" providerId="ADAL" clId="{995FE33D-D744-4C25-9F36-CFCEF7D5137C}" dt="2019-04-01T08:15:26.063" v="335"/>
          <ac:spMkLst>
            <pc:docMk/>
            <pc:sldMk cId="938656710" sldId="258"/>
            <ac:spMk id="3890" creationId="{5E6AA45F-8534-45AC-AF10-18FCEBD03955}"/>
          </ac:spMkLst>
        </pc:spChg>
        <pc:spChg chg="del">
          <ac:chgData name="Lubomír Fojtů" userId="629ab448-eb35-4954-b771-bccc02d8ff90" providerId="ADAL" clId="{995FE33D-D744-4C25-9F36-CFCEF7D5137C}" dt="2019-04-01T08:15:26.078" v="337"/>
          <ac:spMkLst>
            <pc:docMk/>
            <pc:sldMk cId="938656710" sldId="258"/>
            <ac:spMk id="3891" creationId="{AD4E8258-0010-4FFD-A628-E3B88480DA86}"/>
          </ac:spMkLst>
        </pc:spChg>
        <pc:spChg chg="del">
          <ac:chgData name="Lubomír Fojtů" userId="629ab448-eb35-4954-b771-bccc02d8ff90" providerId="ADAL" clId="{995FE33D-D744-4C25-9F36-CFCEF7D5137C}" dt="2019-04-01T08:15:26.078" v="339"/>
          <ac:spMkLst>
            <pc:docMk/>
            <pc:sldMk cId="938656710" sldId="258"/>
            <ac:spMk id="3892" creationId="{BCC90DD3-3CFE-4E06-A481-FEB40F6E7F04}"/>
          </ac:spMkLst>
        </pc:spChg>
        <pc:spChg chg="del">
          <ac:chgData name="Lubomír Fojtů" userId="629ab448-eb35-4954-b771-bccc02d8ff90" providerId="ADAL" clId="{995FE33D-D744-4C25-9F36-CFCEF7D5137C}" dt="2019-04-01T08:15:26.078" v="341"/>
          <ac:spMkLst>
            <pc:docMk/>
            <pc:sldMk cId="938656710" sldId="258"/>
            <ac:spMk id="3893" creationId="{E3BA102B-2492-4FFB-B057-A74F42E77213}"/>
          </ac:spMkLst>
        </pc:spChg>
        <pc:spChg chg="del">
          <ac:chgData name="Lubomír Fojtů" userId="629ab448-eb35-4954-b771-bccc02d8ff90" providerId="ADAL" clId="{995FE33D-D744-4C25-9F36-CFCEF7D5137C}" dt="2019-04-01T08:15:26.078" v="343"/>
          <ac:spMkLst>
            <pc:docMk/>
            <pc:sldMk cId="938656710" sldId="258"/>
            <ac:spMk id="3894" creationId="{2A3C9F83-4E73-4DFE-B9BB-17C69FD0EBD0}"/>
          </ac:spMkLst>
        </pc:spChg>
        <pc:spChg chg="del">
          <ac:chgData name="Lubomír Fojtů" userId="629ab448-eb35-4954-b771-bccc02d8ff90" providerId="ADAL" clId="{995FE33D-D744-4C25-9F36-CFCEF7D5137C}" dt="2019-04-01T08:15:26.078" v="345"/>
          <ac:spMkLst>
            <pc:docMk/>
            <pc:sldMk cId="938656710" sldId="258"/>
            <ac:spMk id="3895" creationId="{381C7121-4AA9-4257-9EB8-6EF65E45C356}"/>
          </ac:spMkLst>
        </pc:spChg>
        <pc:spChg chg="del">
          <ac:chgData name="Lubomír Fojtů" userId="629ab448-eb35-4954-b771-bccc02d8ff90" providerId="ADAL" clId="{995FE33D-D744-4C25-9F36-CFCEF7D5137C}" dt="2019-04-01T08:15:26.078" v="347"/>
          <ac:spMkLst>
            <pc:docMk/>
            <pc:sldMk cId="938656710" sldId="258"/>
            <ac:spMk id="3896" creationId="{34A23896-830D-46CD-900E-93828463F2F5}"/>
          </ac:spMkLst>
        </pc:spChg>
        <pc:spChg chg="del">
          <ac:chgData name="Lubomír Fojtů" userId="629ab448-eb35-4954-b771-bccc02d8ff90" providerId="ADAL" clId="{995FE33D-D744-4C25-9F36-CFCEF7D5137C}" dt="2019-04-01T08:15:26.078" v="349"/>
          <ac:spMkLst>
            <pc:docMk/>
            <pc:sldMk cId="938656710" sldId="258"/>
            <ac:spMk id="3897" creationId="{B39B110A-CFD3-46E0-8D05-3A210F6B468E}"/>
          </ac:spMkLst>
        </pc:spChg>
        <pc:spChg chg="del">
          <ac:chgData name="Lubomír Fojtů" userId="629ab448-eb35-4954-b771-bccc02d8ff90" providerId="ADAL" clId="{995FE33D-D744-4C25-9F36-CFCEF7D5137C}" dt="2019-04-01T08:15:26.078" v="351"/>
          <ac:spMkLst>
            <pc:docMk/>
            <pc:sldMk cId="938656710" sldId="258"/>
            <ac:spMk id="3898" creationId="{5C76E142-DE65-46BA-8F1F-33390748FDEE}"/>
          </ac:spMkLst>
        </pc:spChg>
        <pc:spChg chg="del">
          <ac:chgData name="Lubomír Fojtů" userId="629ab448-eb35-4954-b771-bccc02d8ff90" providerId="ADAL" clId="{995FE33D-D744-4C25-9F36-CFCEF7D5137C}" dt="2019-04-01T08:15:26.078" v="353"/>
          <ac:spMkLst>
            <pc:docMk/>
            <pc:sldMk cId="938656710" sldId="258"/>
            <ac:spMk id="3899" creationId="{C1870FA8-66D5-45CD-A0B3-1C7C3EF98565}"/>
          </ac:spMkLst>
        </pc:spChg>
        <pc:spChg chg="del">
          <ac:chgData name="Lubomír Fojtů" userId="629ab448-eb35-4954-b771-bccc02d8ff90" providerId="ADAL" clId="{995FE33D-D744-4C25-9F36-CFCEF7D5137C}" dt="2019-04-01T08:15:26.078" v="355"/>
          <ac:spMkLst>
            <pc:docMk/>
            <pc:sldMk cId="938656710" sldId="258"/>
            <ac:spMk id="3900" creationId="{9CCF6A64-8F9C-418B-B551-2BA30EB4398C}"/>
          </ac:spMkLst>
        </pc:spChg>
        <pc:spChg chg="del">
          <ac:chgData name="Lubomír Fojtů" userId="629ab448-eb35-4954-b771-bccc02d8ff90" providerId="ADAL" clId="{995FE33D-D744-4C25-9F36-CFCEF7D5137C}" dt="2019-04-01T08:15:26.078" v="357"/>
          <ac:spMkLst>
            <pc:docMk/>
            <pc:sldMk cId="938656710" sldId="258"/>
            <ac:spMk id="3901" creationId="{FDCD6BB0-D85D-4BA7-A504-E8F960B24B1B}"/>
          </ac:spMkLst>
        </pc:spChg>
        <pc:spChg chg="del">
          <ac:chgData name="Lubomír Fojtů" userId="629ab448-eb35-4954-b771-bccc02d8ff90" providerId="ADAL" clId="{995FE33D-D744-4C25-9F36-CFCEF7D5137C}" dt="2019-04-01T08:15:26.078" v="359"/>
          <ac:spMkLst>
            <pc:docMk/>
            <pc:sldMk cId="938656710" sldId="258"/>
            <ac:spMk id="3902" creationId="{C586608D-468B-4238-9357-98E810A77333}"/>
          </ac:spMkLst>
        </pc:spChg>
        <pc:spChg chg="del">
          <ac:chgData name="Lubomír Fojtů" userId="629ab448-eb35-4954-b771-bccc02d8ff90" providerId="ADAL" clId="{995FE33D-D744-4C25-9F36-CFCEF7D5137C}" dt="2019-04-01T08:15:26.078" v="361"/>
          <ac:spMkLst>
            <pc:docMk/>
            <pc:sldMk cId="938656710" sldId="258"/>
            <ac:spMk id="3903" creationId="{EBF39E8C-0810-4FB4-A62F-2F85F45E93C9}"/>
          </ac:spMkLst>
        </pc:spChg>
        <pc:spChg chg="del">
          <ac:chgData name="Lubomír Fojtů" userId="629ab448-eb35-4954-b771-bccc02d8ff90" providerId="ADAL" clId="{995FE33D-D744-4C25-9F36-CFCEF7D5137C}" dt="2019-04-01T08:15:26.078" v="363"/>
          <ac:spMkLst>
            <pc:docMk/>
            <pc:sldMk cId="938656710" sldId="258"/>
            <ac:spMk id="3904" creationId="{72CA114E-5A71-4C63-8E9E-5343EEE817E1}"/>
          </ac:spMkLst>
        </pc:spChg>
        <pc:spChg chg="del">
          <ac:chgData name="Lubomír Fojtů" userId="629ab448-eb35-4954-b771-bccc02d8ff90" providerId="ADAL" clId="{995FE33D-D744-4C25-9F36-CFCEF7D5137C}" dt="2019-04-01T08:15:26.078" v="365"/>
          <ac:spMkLst>
            <pc:docMk/>
            <pc:sldMk cId="938656710" sldId="258"/>
            <ac:spMk id="3905" creationId="{359A3DF5-F127-4AF2-A2FE-2CF1C22F19C0}"/>
          </ac:spMkLst>
        </pc:spChg>
        <pc:spChg chg="del">
          <ac:chgData name="Lubomír Fojtů" userId="629ab448-eb35-4954-b771-bccc02d8ff90" providerId="ADAL" clId="{995FE33D-D744-4C25-9F36-CFCEF7D5137C}" dt="2019-04-01T08:15:26.078" v="367"/>
          <ac:spMkLst>
            <pc:docMk/>
            <pc:sldMk cId="938656710" sldId="258"/>
            <ac:spMk id="3906" creationId="{D652E483-F32A-49B2-9569-190D28759B25}"/>
          </ac:spMkLst>
        </pc:spChg>
        <pc:spChg chg="del">
          <ac:chgData name="Lubomír Fojtů" userId="629ab448-eb35-4954-b771-bccc02d8ff90" providerId="ADAL" clId="{995FE33D-D744-4C25-9F36-CFCEF7D5137C}" dt="2019-04-01T08:15:26.078" v="369"/>
          <ac:spMkLst>
            <pc:docMk/>
            <pc:sldMk cId="938656710" sldId="258"/>
            <ac:spMk id="3907" creationId="{B77C5BDA-DD94-48BA-ABA5-C9887E0F6DFC}"/>
          </ac:spMkLst>
        </pc:spChg>
        <pc:spChg chg="del">
          <ac:chgData name="Lubomír Fojtů" userId="629ab448-eb35-4954-b771-bccc02d8ff90" providerId="ADAL" clId="{995FE33D-D744-4C25-9F36-CFCEF7D5137C}" dt="2019-04-01T08:15:26.078" v="371"/>
          <ac:spMkLst>
            <pc:docMk/>
            <pc:sldMk cId="938656710" sldId="258"/>
            <ac:spMk id="3908" creationId="{91D23ABF-648E-4646-B2C7-BC6EBF1EAACE}"/>
          </ac:spMkLst>
        </pc:spChg>
        <pc:spChg chg="del">
          <ac:chgData name="Lubomír Fojtů" userId="629ab448-eb35-4954-b771-bccc02d8ff90" providerId="ADAL" clId="{995FE33D-D744-4C25-9F36-CFCEF7D5137C}" dt="2019-04-01T08:15:26.078" v="373"/>
          <ac:spMkLst>
            <pc:docMk/>
            <pc:sldMk cId="938656710" sldId="258"/>
            <ac:spMk id="3909" creationId="{20A44DAF-5136-4DCA-9E4A-3FBF3F2EF7E6}"/>
          </ac:spMkLst>
        </pc:spChg>
        <pc:spChg chg="del">
          <ac:chgData name="Lubomír Fojtů" userId="629ab448-eb35-4954-b771-bccc02d8ff90" providerId="ADAL" clId="{995FE33D-D744-4C25-9F36-CFCEF7D5137C}" dt="2019-04-01T08:15:26.078" v="375"/>
          <ac:spMkLst>
            <pc:docMk/>
            <pc:sldMk cId="938656710" sldId="258"/>
            <ac:spMk id="3910" creationId="{35938577-7DBD-4BCD-AB75-BFCF1F63890D}"/>
          </ac:spMkLst>
        </pc:spChg>
        <pc:spChg chg="del">
          <ac:chgData name="Lubomír Fojtů" userId="629ab448-eb35-4954-b771-bccc02d8ff90" providerId="ADAL" clId="{995FE33D-D744-4C25-9F36-CFCEF7D5137C}" dt="2019-04-01T08:15:26.078" v="377"/>
          <ac:spMkLst>
            <pc:docMk/>
            <pc:sldMk cId="938656710" sldId="258"/>
            <ac:spMk id="3911" creationId="{D2938689-95B6-4F14-8ACF-7352E1BCD881}"/>
          </ac:spMkLst>
        </pc:spChg>
        <pc:spChg chg="del">
          <ac:chgData name="Lubomír Fojtů" userId="629ab448-eb35-4954-b771-bccc02d8ff90" providerId="ADAL" clId="{995FE33D-D744-4C25-9F36-CFCEF7D5137C}" dt="2019-04-01T08:15:26.078" v="379"/>
          <ac:spMkLst>
            <pc:docMk/>
            <pc:sldMk cId="938656710" sldId="258"/>
            <ac:spMk id="3912" creationId="{4E9A3673-60B7-49C0-B365-D8360BE59A3F}"/>
          </ac:spMkLst>
        </pc:spChg>
        <pc:spChg chg="del">
          <ac:chgData name="Lubomír Fojtů" userId="629ab448-eb35-4954-b771-bccc02d8ff90" providerId="ADAL" clId="{995FE33D-D744-4C25-9F36-CFCEF7D5137C}" dt="2019-04-01T08:15:26.078" v="381"/>
          <ac:spMkLst>
            <pc:docMk/>
            <pc:sldMk cId="938656710" sldId="258"/>
            <ac:spMk id="3913" creationId="{9C487658-EA31-4ED2-AAD9-CF37E7DE4755}"/>
          </ac:spMkLst>
        </pc:spChg>
        <pc:spChg chg="del">
          <ac:chgData name="Lubomír Fojtů" userId="629ab448-eb35-4954-b771-bccc02d8ff90" providerId="ADAL" clId="{995FE33D-D744-4C25-9F36-CFCEF7D5137C}" dt="2019-04-01T08:15:26.094" v="383"/>
          <ac:spMkLst>
            <pc:docMk/>
            <pc:sldMk cId="938656710" sldId="258"/>
            <ac:spMk id="3914" creationId="{C5B37A29-7847-4350-89FF-03E26F017467}"/>
          </ac:spMkLst>
        </pc:spChg>
        <pc:spChg chg="del">
          <ac:chgData name="Lubomír Fojtů" userId="629ab448-eb35-4954-b771-bccc02d8ff90" providerId="ADAL" clId="{995FE33D-D744-4C25-9F36-CFCEF7D5137C}" dt="2019-04-01T08:15:26.094" v="385"/>
          <ac:spMkLst>
            <pc:docMk/>
            <pc:sldMk cId="938656710" sldId="258"/>
            <ac:spMk id="3915" creationId="{25749858-4982-4273-BB67-D0B4245A5E54}"/>
          </ac:spMkLst>
        </pc:spChg>
        <pc:spChg chg="del">
          <ac:chgData name="Lubomír Fojtů" userId="629ab448-eb35-4954-b771-bccc02d8ff90" providerId="ADAL" clId="{995FE33D-D744-4C25-9F36-CFCEF7D5137C}" dt="2019-04-01T08:15:26.094" v="387"/>
          <ac:spMkLst>
            <pc:docMk/>
            <pc:sldMk cId="938656710" sldId="258"/>
            <ac:spMk id="3916" creationId="{FC2912B9-9048-4BE1-BADC-81D368B54F23}"/>
          </ac:spMkLst>
        </pc:spChg>
        <pc:spChg chg="del">
          <ac:chgData name="Lubomír Fojtů" userId="629ab448-eb35-4954-b771-bccc02d8ff90" providerId="ADAL" clId="{995FE33D-D744-4C25-9F36-CFCEF7D5137C}" dt="2019-04-01T08:15:26.094" v="389"/>
          <ac:spMkLst>
            <pc:docMk/>
            <pc:sldMk cId="938656710" sldId="258"/>
            <ac:spMk id="3917" creationId="{999D14D7-6441-4934-B49D-7D04818E5294}"/>
          </ac:spMkLst>
        </pc:spChg>
        <pc:spChg chg="del">
          <ac:chgData name="Lubomír Fojtů" userId="629ab448-eb35-4954-b771-bccc02d8ff90" providerId="ADAL" clId="{995FE33D-D744-4C25-9F36-CFCEF7D5137C}" dt="2019-04-01T08:15:26.094" v="391"/>
          <ac:spMkLst>
            <pc:docMk/>
            <pc:sldMk cId="938656710" sldId="258"/>
            <ac:spMk id="3918" creationId="{4B242D60-6A88-49E0-921A-BE5DB21F61BD}"/>
          </ac:spMkLst>
        </pc:spChg>
        <pc:spChg chg="del">
          <ac:chgData name="Lubomír Fojtů" userId="629ab448-eb35-4954-b771-bccc02d8ff90" providerId="ADAL" clId="{995FE33D-D744-4C25-9F36-CFCEF7D5137C}" dt="2019-04-01T08:15:26.094" v="393"/>
          <ac:spMkLst>
            <pc:docMk/>
            <pc:sldMk cId="938656710" sldId="258"/>
            <ac:spMk id="3919" creationId="{D6DD6F02-8650-4409-A604-3896CB963A1F}"/>
          </ac:spMkLst>
        </pc:spChg>
        <pc:spChg chg="del">
          <ac:chgData name="Lubomír Fojtů" userId="629ab448-eb35-4954-b771-bccc02d8ff90" providerId="ADAL" clId="{995FE33D-D744-4C25-9F36-CFCEF7D5137C}" dt="2019-04-01T08:15:26.094" v="395"/>
          <ac:spMkLst>
            <pc:docMk/>
            <pc:sldMk cId="938656710" sldId="258"/>
            <ac:spMk id="3920" creationId="{5F97DB93-80BD-4C14-AB8F-BB98223FFDCF}"/>
          </ac:spMkLst>
        </pc:spChg>
        <pc:spChg chg="del">
          <ac:chgData name="Lubomír Fojtů" userId="629ab448-eb35-4954-b771-bccc02d8ff90" providerId="ADAL" clId="{995FE33D-D744-4C25-9F36-CFCEF7D5137C}" dt="2019-04-01T08:15:26.094" v="397"/>
          <ac:spMkLst>
            <pc:docMk/>
            <pc:sldMk cId="938656710" sldId="258"/>
            <ac:spMk id="3921" creationId="{C1F76F45-0B50-4E13-B259-7481ED4BF8AC}"/>
          </ac:spMkLst>
        </pc:spChg>
        <pc:spChg chg="del">
          <ac:chgData name="Lubomír Fojtů" userId="629ab448-eb35-4954-b771-bccc02d8ff90" providerId="ADAL" clId="{995FE33D-D744-4C25-9F36-CFCEF7D5137C}" dt="2019-04-01T08:15:26.094" v="399"/>
          <ac:spMkLst>
            <pc:docMk/>
            <pc:sldMk cId="938656710" sldId="258"/>
            <ac:spMk id="3922" creationId="{BE7060B3-F504-4620-8CF8-5E1602F208C5}"/>
          </ac:spMkLst>
        </pc:spChg>
        <pc:spChg chg="del">
          <ac:chgData name="Lubomír Fojtů" userId="629ab448-eb35-4954-b771-bccc02d8ff90" providerId="ADAL" clId="{995FE33D-D744-4C25-9F36-CFCEF7D5137C}" dt="2019-04-01T08:15:26.094" v="401"/>
          <ac:spMkLst>
            <pc:docMk/>
            <pc:sldMk cId="938656710" sldId="258"/>
            <ac:spMk id="3923" creationId="{92296D9B-FBD7-4E80-8212-33AD779E4088}"/>
          </ac:spMkLst>
        </pc:spChg>
        <pc:spChg chg="del">
          <ac:chgData name="Lubomír Fojtů" userId="629ab448-eb35-4954-b771-bccc02d8ff90" providerId="ADAL" clId="{995FE33D-D744-4C25-9F36-CFCEF7D5137C}" dt="2019-04-01T08:15:26.094" v="403"/>
          <ac:spMkLst>
            <pc:docMk/>
            <pc:sldMk cId="938656710" sldId="258"/>
            <ac:spMk id="3924" creationId="{BE69AD0F-2A00-4F0A-BA9F-FBB35D636865}"/>
          </ac:spMkLst>
        </pc:spChg>
        <pc:spChg chg="del">
          <ac:chgData name="Lubomír Fojtů" userId="629ab448-eb35-4954-b771-bccc02d8ff90" providerId="ADAL" clId="{995FE33D-D744-4C25-9F36-CFCEF7D5137C}" dt="2019-04-01T08:15:26.094" v="405"/>
          <ac:spMkLst>
            <pc:docMk/>
            <pc:sldMk cId="938656710" sldId="258"/>
            <ac:spMk id="3925" creationId="{0782D3B6-CD20-4E68-A447-AD59F9EE74ED}"/>
          </ac:spMkLst>
        </pc:spChg>
        <pc:spChg chg="del">
          <ac:chgData name="Lubomír Fojtů" userId="629ab448-eb35-4954-b771-bccc02d8ff90" providerId="ADAL" clId="{995FE33D-D744-4C25-9F36-CFCEF7D5137C}" dt="2019-04-01T08:15:26.094" v="407"/>
          <ac:spMkLst>
            <pc:docMk/>
            <pc:sldMk cId="938656710" sldId="258"/>
            <ac:spMk id="3926" creationId="{EDAF16D3-7B8F-45E1-8D04-6B4A2B2E526B}"/>
          </ac:spMkLst>
        </pc:spChg>
        <pc:spChg chg="del">
          <ac:chgData name="Lubomír Fojtů" userId="629ab448-eb35-4954-b771-bccc02d8ff90" providerId="ADAL" clId="{995FE33D-D744-4C25-9F36-CFCEF7D5137C}" dt="2019-04-01T08:15:26.094" v="409"/>
          <ac:spMkLst>
            <pc:docMk/>
            <pc:sldMk cId="938656710" sldId="258"/>
            <ac:spMk id="3927" creationId="{E5FFD580-0BB0-41B7-AF8A-26D2BB89D314}"/>
          </ac:spMkLst>
        </pc:spChg>
        <pc:spChg chg="del">
          <ac:chgData name="Lubomír Fojtů" userId="629ab448-eb35-4954-b771-bccc02d8ff90" providerId="ADAL" clId="{995FE33D-D744-4C25-9F36-CFCEF7D5137C}" dt="2019-04-01T08:15:26.094" v="411"/>
          <ac:spMkLst>
            <pc:docMk/>
            <pc:sldMk cId="938656710" sldId="258"/>
            <ac:spMk id="3928" creationId="{F6C4EEE6-569C-427D-90C2-83089EDF01E0}"/>
          </ac:spMkLst>
        </pc:spChg>
        <pc:spChg chg="del">
          <ac:chgData name="Lubomír Fojtů" userId="629ab448-eb35-4954-b771-bccc02d8ff90" providerId="ADAL" clId="{995FE33D-D744-4C25-9F36-CFCEF7D5137C}" dt="2019-04-01T08:15:26.094" v="413"/>
          <ac:spMkLst>
            <pc:docMk/>
            <pc:sldMk cId="938656710" sldId="258"/>
            <ac:spMk id="3929" creationId="{ED3E8D49-86E5-4F81-AD51-8E4CDC9CF6DC}"/>
          </ac:spMkLst>
        </pc:spChg>
        <pc:spChg chg="del">
          <ac:chgData name="Lubomír Fojtů" userId="629ab448-eb35-4954-b771-bccc02d8ff90" providerId="ADAL" clId="{995FE33D-D744-4C25-9F36-CFCEF7D5137C}" dt="2019-04-01T08:15:26.094" v="415"/>
          <ac:spMkLst>
            <pc:docMk/>
            <pc:sldMk cId="938656710" sldId="258"/>
            <ac:spMk id="3930" creationId="{892072AE-07E5-4610-9725-C1F08EBF54AA}"/>
          </ac:spMkLst>
        </pc:spChg>
        <pc:spChg chg="del">
          <ac:chgData name="Lubomír Fojtů" userId="629ab448-eb35-4954-b771-bccc02d8ff90" providerId="ADAL" clId="{995FE33D-D744-4C25-9F36-CFCEF7D5137C}" dt="2019-04-01T08:15:26.094" v="417"/>
          <ac:spMkLst>
            <pc:docMk/>
            <pc:sldMk cId="938656710" sldId="258"/>
            <ac:spMk id="3931" creationId="{387F62E1-6884-4432-ABCF-596513C0A8DA}"/>
          </ac:spMkLst>
        </pc:spChg>
        <pc:spChg chg="del">
          <ac:chgData name="Lubomír Fojtů" userId="629ab448-eb35-4954-b771-bccc02d8ff90" providerId="ADAL" clId="{995FE33D-D744-4C25-9F36-CFCEF7D5137C}" dt="2019-04-01T08:15:26.094" v="419"/>
          <ac:spMkLst>
            <pc:docMk/>
            <pc:sldMk cId="938656710" sldId="258"/>
            <ac:spMk id="3932" creationId="{325319FF-D97D-49E2-B13C-1FEC7A716014}"/>
          </ac:spMkLst>
        </pc:spChg>
        <pc:spChg chg="del">
          <ac:chgData name="Lubomír Fojtů" userId="629ab448-eb35-4954-b771-bccc02d8ff90" providerId="ADAL" clId="{995FE33D-D744-4C25-9F36-CFCEF7D5137C}" dt="2019-04-01T08:15:26.094" v="421"/>
          <ac:spMkLst>
            <pc:docMk/>
            <pc:sldMk cId="938656710" sldId="258"/>
            <ac:spMk id="3933" creationId="{B74A4865-A4E2-48FB-A6D9-E9E56C7188D2}"/>
          </ac:spMkLst>
        </pc:spChg>
        <pc:spChg chg="del">
          <ac:chgData name="Lubomír Fojtů" userId="629ab448-eb35-4954-b771-bccc02d8ff90" providerId="ADAL" clId="{995FE33D-D744-4C25-9F36-CFCEF7D5137C}" dt="2019-04-01T08:15:26.094" v="423"/>
          <ac:spMkLst>
            <pc:docMk/>
            <pc:sldMk cId="938656710" sldId="258"/>
            <ac:spMk id="3934" creationId="{438D2252-4C2D-42FC-B6F0-9A30E697F255}"/>
          </ac:spMkLst>
        </pc:spChg>
        <pc:spChg chg="del">
          <ac:chgData name="Lubomír Fojtů" userId="629ab448-eb35-4954-b771-bccc02d8ff90" providerId="ADAL" clId="{995FE33D-D744-4C25-9F36-CFCEF7D5137C}" dt="2019-04-01T08:15:26.094" v="425"/>
          <ac:spMkLst>
            <pc:docMk/>
            <pc:sldMk cId="938656710" sldId="258"/>
            <ac:spMk id="3935" creationId="{6BE4D6E9-EE08-4FC6-952F-AD3683D1EC92}"/>
          </ac:spMkLst>
        </pc:spChg>
        <pc:spChg chg="del">
          <ac:chgData name="Lubomír Fojtů" userId="629ab448-eb35-4954-b771-bccc02d8ff90" providerId="ADAL" clId="{995FE33D-D744-4C25-9F36-CFCEF7D5137C}" dt="2019-04-01T08:15:26.094" v="427"/>
          <ac:spMkLst>
            <pc:docMk/>
            <pc:sldMk cId="938656710" sldId="258"/>
            <ac:spMk id="3936" creationId="{AE3245E9-5425-4A2B-A391-18F014B84C64}"/>
          </ac:spMkLst>
        </pc:spChg>
        <pc:spChg chg="del">
          <ac:chgData name="Lubomír Fojtů" userId="629ab448-eb35-4954-b771-bccc02d8ff90" providerId="ADAL" clId="{995FE33D-D744-4C25-9F36-CFCEF7D5137C}" dt="2019-04-01T08:15:26.094" v="429"/>
          <ac:spMkLst>
            <pc:docMk/>
            <pc:sldMk cId="938656710" sldId="258"/>
            <ac:spMk id="3937" creationId="{C04F8978-9FC0-4B7E-96B6-41ACB51DA258}"/>
          </ac:spMkLst>
        </pc:spChg>
        <pc:spChg chg="del">
          <ac:chgData name="Lubomír Fojtů" userId="629ab448-eb35-4954-b771-bccc02d8ff90" providerId="ADAL" clId="{995FE33D-D744-4C25-9F36-CFCEF7D5137C}" dt="2019-04-01T08:15:26.110" v="431"/>
          <ac:spMkLst>
            <pc:docMk/>
            <pc:sldMk cId="938656710" sldId="258"/>
            <ac:spMk id="3938" creationId="{78227619-6A9C-4EC6-AF40-0CB572E1E5C3}"/>
          </ac:spMkLst>
        </pc:spChg>
        <pc:spChg chg="del">
          <ac:chgData name="Lubomír Fojtů" userId="629ab448-eb35-4954-b771-bccc02d8ff90" providerId="ADAL" clId="{995FE33D-D744-4C25-9F36-CFCEF7D5137C}" dt="2019-04-01T08:15:26.110" v="433"/>
          <ac:spMkLst>
            <pc:docMk/>
            <pc:sldMk cId="938656710" sldId="258"/>
            <ac:spMk id="3939" creationId="{73AAC3CA-178D-4C66-BFA0-E536F575FD7D}"/>
          </ac:spMkLst>
        </pc:spChg>
        <pc:spChg chg="del">
          <ac:chgData name="Lubomír Fojtů" userId="629ab448-eb35-4954-b771-bccc02d8ff90" providerId="ADAL" clId="{995FE33D-D744-4C25-9F36-CFCEF7D5137C}" dt="2019-04-01T08:15:26.110" v="435"/>
          <ac:spMkLst>
            <pc:docMk/>
            <pc:sldMk cId="938656710" sldId="258"/>
            <ac:spMk id="3940" creationId="{2B2788E5-B161-4EDA-9C62-AF0277C34598}"/>
          </ac:spMkLst>
        </pc:spChg>
        <pc:spChg chg="del">
          <ac:chgData name="Lubomír Fojtů" userId="629ab448-eb35-4954-b771-bccc02d8ff90" providerId="ADAL" clId="{995FE33D-D744-4C25-9F36-CFCEF7D5137C}" dt="2019-04-01T08:15:26.110" v="437"/>
          <ac:spMkLst>
            <pc:docMk/>
            <pc:sldMk cId="938656710" sldId="258"/>
            <ac:spMk id="3941" creationId="{16CFE5D9-A83F-4465-8DF7-5EFF89F7DF58}"/>
          </ac:spMkLst>
        </pc:spChg>
        <pc:spChg chg="del">
          <ac:chgData name="Lubomír Fojtů" userId="629ab448-eb35-4954-b771-bccc02d8ff90" providerId="ADAL" clId="{995FE33D-D744-4C25-9F36-CFCEF7D5137C}" dt="2019-04-01T08:15:26.110" v="439"/>
          <ac:spMkLst>
            <pc:docMk/>
            <pc:sldMk cId="938656710" sldId="258"/>
            <ac:spMk id="3942" creationId="{848E5DC0-E7E2-4BEE-8F79-561A10C2806C}"/>
          </ac:spMkLst>
        </pc:spChg>
        <pc:spChg chg="del">
          <ac:chgData name="Lubomír Fojtů" userId="629ab448-eb35-4954-b771-bccc02d8ff90" providerId="ADAL" clId="{995FE33D-D744-4C25-9F36-CFCEF7D5137C}" dt="2019-04-01T08:15:26.110" v="441"/>
          <ac:spMkLst>
            <pc:docMk/>
            <pc:sldMk cId="938656710" sldId="258"/>
            <ac:spMk id="3943" creationId="{A7A3C3B8-2A85-4358-8266-8463F9465B56}"/>
          </ac:spMkLst>
        </pc:spChg>
        <pc:spChg chg="del">
          <ac:chgData name="Lubomír Fojtů" userId="629ab448-eb35-4954-b771-bccc02d8ff90" providerId="ADAL" clId="{995FE33D-D744-4C25-9F36-CFCEF7D5137C}" dt="2019-04-01T08:15:26.110" v="443"/>
          <ac:spMkLst>
            <pc:docMk/>
            <pc:sldMk cId="938656710" sldId="258"/>
            <ac:spMk id="3944" creationId="{6093A449-D3AA-4A55-8CF6-4022464DE5DE}"/>
          </ac:spMkLst>
        </pc:spChg>
        <pc:spChg chg="del">
          <ac:chgData name="Lubomír Fojtů" userId="629ab448-eb35-4954-b771-bccc02d8ff90" providerId="ADAL" clId="{995FE33D-D744-4C25-9F36-CFCEF7D5137C}" dt="2019-04-01T08:15:26.110" v="445"/>
          <ac:spMkLst>
            <pc:docMk/>
            <pc:sldMk cId="938656710" sldId="258"/>
            <ac:spMk id="3945" creationId="{E4C61411-8BCC-4EA6-A797-87CA0E0B5677}"/>
          </ac:spMkLst>
        </pc:spChg>
        <pc:spChg chg="del">
          <ac:chgData name="Lubomír Fojtů" userId="629ab448-eb35-4954-b771-bccc02d8ff90" providerId="ADAL" clId="{995FE33D-D744-4C25-9F36-CFCEF7D5137C}" dt="2019-04-01T08:15:26.110" v="447"/>
          <ac:spMkLst>
            <pc:docMk/>
            <pc:sldMk cId="938656710" sldId="258"/>
            <ac:spMk id="3946" creationId="{641479BF-6B2B-42EA-B3D6-C23E7FCFAD74}"/>
          </ac:spMkLst>
        </pc:spChg>
        <pc:spChg chg="del">
          <ac:chgData name="Lubomír Fojtů" userId="629ab448-eb35-4954-b771-bccc02d8ff90" providerId="ADAL" clId="{995FE33D-D744-4C25-9F36-CFCEF7D5137C}" dt="2019-04-01T08:15:26.110" v="449"/>
          <ac:spMkLst>
            <pc:docMk/>
            <pc:sldMk cId="938656710" sldId="258"/>
            <ac:spMk id="3947" creationId="{72A4D1E1-22E8-4750-BC75-47A7BFE5EDCD}"/>
          </ac:spMkLst>
        </pc:spChg>
        <pc:spChg chg="del">
          <ac:chgData name="Lubomír Fojtů" userId="629ab448-eb35-4954-b771-bccc02d8ff90" providerId="ADAL" clId="{995FE33D-D744-4C25-9F36-CFCEF7D5137C}" dt="2019-04-01T08:15:26.110" v="451"/>
          <ac:spMkLst>
            <pc:docMk/>
            <pc:sldMk cId="938656710" sldId="258"/>
            <ac:spMk id="3948" creationId="{F499990B-A3AA-44BC-9C76-1E94EAE3BFDD}"/>
          </ac:spMkLst>
        </pc:spChg>
        <pc:spChg chg="del">
          <ac:chgData name="Lubomír Fojtů" userId="629ab448-eb35-4954-b771-bccc02d8ff90" providerId="ADAL" clId="{995FE33D-D744-4C25-9F36-CFCEF7D5137C}" dt="2019-04-01T08:15:26.110" v="453"/>
          <ac:spMkLst>
            <pc:docMk/>
            <pc:sldMk cId="938656710" sldId="258"/>
            <ac:spMk id="3949" creationId="{2E86A9B3-53A0-4C95-9A7F-882019436174}"/>
          </ac:spMkLst>
        </pc:spChg>
        <pc:spChg chg="del">
          <ac:chgData name="Lubomír Fojtů" userId="629ab448-eb35-4954-b771-bccc02d8ff90" providerId="ADAL" clId="{995FE33D-D744-4C25-9F36-CFCEF7D5137C}" dt="2019-04-01T08:15:26.110" v="455"/>
          <ac:spMkLst>
            <pc:docMk/>
            <pc:sldMk cId="938656710" sldId="258"/>
            <ac:spMk id="3950" creationId="{DEFCFADE-0B28-4306-BAED-E5BE1470B9C3}"/>
          </ac:spMkLst>
        </pc:spChg>
        <pc:spChg chg="del">
          <ac:chgData name="Lubomír Fojtů" userId="629ab448-eb35-4954-b771-bccc02d8ff90" providerId="ADAL" clId="{995FE33D-D744-4C25-9F36-CFCEF7D5137C}" dt="2019-04-01T08:15:26.110" v="457"/>
          <ac:spMkLst>
            <pc:docMk/>
            <pc:sldMk cId="938656710" sldId="258"/>
            <ac:spMk id="3951" creationId="{2158D6E2-34E8-46A9-9D4C-392FF66783D7}"/>
          </ac:spMkLst>
        </pc:spChg>
        <pc:spChg chg="del">
          <ac:chgData name="Lubomír Fojtů" userId="629ab448-eb35-4954-b771-bccc02d8ff90" providerId="ADAL" clId="{995FE33D-D744-4C25-9F36-CFCEF7D5137C}" dt="2019-04-01T08:15:26.110" v="459"/>
          <ac:spMkLst>
            <pc:docMk/>
            <pc:sldMk cId="938656710" sldId="258"/>
            <ac:spMk id="3952" creationId="{998A8980-9A0D-48C7-A55B-AB6B3071CD89}"/>
          </ac:spMkLst>
        </pc:spChg>
        <pc:spChg chg="del">
          <ac:chgData name="Lubomír Fojtů" userId="629ab448-eb35-4954-b771-bccc02d8ff90" providerId="ADAL" clId="{995FE33D-D744-4C25-9F36-CFCEF7D5137C}" dt="2019-04-01T08:15:26.110" v="461"/>
          <ac:spMkLst>
            <pc:docMk/>
            <pc:sldMk cId="938656710" sldId="258"/>
            <ac:spMk id="3953" creationId="{7A472286-AC3F-4F34-BF77-87152A4EF140}"/>
          </ac:spMkLst>
        </pc:spChg>
        <pc:spChg chg="del">
          <ac:chgData name="Lubomír Fojtů" userId="629ab448-eb35-4954-b771-bccc02d8ff90" providerId="ADAL" clId="{995FE33D-D744-4C25-9F36-CFCEF7D5137C}" dt="2019-04-01T08:15:26.110" v="463"/>
          <ac:spMkLst>
            <pc:docMk/>
            <pc:sldMk cId="938656710" sldId="258"/>
            <ac:spMk id="3954" creationId="{51A83833-8A30-40BB-AFFD-DB3B8917E8E8}"/>
          </ac:spMkLst>
        </pc:spChg>
        <pc:spChg chg="del">
          <ac:chgData name="Lubomír Fojtů" userId="629ab448-eb35-4954-b771-bccc02d8ff90" providerId="ADAL" clId="{995FE33D-D744-4C25-9F36-CFCEF7D5137C}" dt="2019-04-01T08:15:26.110" v="465"/>
          <ac:spMkLst>
            <pc:docMk/>
            <pc:sldMk cId="938656710" sldId="258"/>
            <ac:spMk id="3955" creationId="{F61F8385-11FB-49C3-9601-25D1377AB011}"/>
          </ac:spMkLst>
        </pc:spChg>
        <pc:spChg chg="del">
          <ac:chgData name="Lubomír Fojtů" userId="629ab448-eb35-4954-b771-bccc02d8ff90" providerId="ADAL" clId="{995FE33D-D744-4C25-9F36-CFCEF7D5137C}" dt="2019-04-01T08:15:26.110" v="467"/>
          <ac:spMkLst>
            <pc:docMk/>
            <pc:sldMk cId="938656710" sldId="258"/>
            <ac:spMk id="3956" creationId="{5AC6D14E-F1C0-4961-A672-CA70D4338699}"/>
          </ac:spMkLst>
        </pc:spChg>
        <pc:spChg chg="del">
          <ac:chgData name="Lubomír Fojtů" userId="629ab448-eb35-4954-b771-bccc02d8ff90" providerId="ADAL" clId="{995FE33D-D744-4C25-9F36-CFCEF7D5137C}" dt="2019-04-01T08:15:26.110" v="469"/>
          <ac:spMkLst>
            <pc:docMk/>
            <pc:sldMk cId="938656710" sldId="258"/>
            <ac:spMk id="3957" creationId="{C43E81A1-6877-47EA-BBA3-4766D7837E9C}"/>
          </ac:spMkLst>
        </pc:spChg>
        <pc:spChg chg="del">
          <ac:chgData name="Lubomír Fojtů" userId="629ab448-eb35-4954-b771-bccc02d8ff90" providerId="ADAL" clId="{995FE33D-D744-4C25-9F36-CFCEF7D5137C}" dt="2019-04-01T08:15:26.110" v="471"/>
          <ac:spMkLst>
            <pc:docMk/>
            <pc:sldMk cId="938656710" sldId="258"/>
            <ac:spMk id="3958" creationId="{81C393EA-6E23-47FF-9A87-9A7F6CC290FD}"/>
          </ac:spMkLst>
        </pc:spChg>
        <pc:spChg chg="del">
          <ac:chgData name="Lubomír Fojtů" userId="629ab448-eb35-4954-b771-bccc02d8ff90" providerId="ADAL" clId="{995FE33D-D744-4C25-9F36-CFCEF7D5137C}" dt="2019-04-01T08:15:26.110" v="473"/>
          <ac:spMkLst>
            <pc:docMk/>
            <pc:sldMk cId="938656710" sldId="258"/>
            <ac:spMk id="3959" creationId="{35CEB593-CD16-4B09-B821-43199285267B}"/>
          </ac:spMkLst>
        </pc:spChg>
        <pc:spChg chg="del">
          <ac:chgData name="Lubomír Fojtů" userId="629ab448-eb35-4954-b771-bccc02d8ff90" providerId="ADAL" clId="{995FE33D-D744-4C25-9F36-CFCEF7D5137C}" dt="2019-04-01T08:15:26.110" v="475"/>
          <ac:spMkLst>
            <pc:docMk/>
            <pc:sldMk cId="938656710" sldId="258"/>
            <ac:spMk id="3960" creationId="{852FC6D5-99A3-4F5B-BF21-945B0C5A5101}"/>
          </ac:spMkLst>
        </pc:spChg>
        <pc:spChg chg="del">
          <ac:chgData name="Lubomír Fojtů" userId="629ab448-eb35-4954-b771-bccc02d8ff90" providerId="ADAL" clId="{995FE33D-D744-4C25-9F36-CFCEF7D5137C}" dt="2019-04-01T08:15:26.110" v="477"/>
          <ac:spMkLst>
            <pc:docMk/>
            <pc:sldMk cId="938656710" sldId="258"/>
            <ac:spMk id="3961" creationId="{D7830B59-0606-4940-B08A-9935FE69CFD2}"/>
          </ac:spMkLst>
        </pc:spChg>
        <pc:spChg chg="del">
          <ac:chgData name="Lubomír Fojtů" userId="629ab448-eb35-4954-b771-bccc02d8ff90" providerId="ADAL" clId="{995FE33D-D744-4C25-9F36-CFCEF7D5137C}" dt="2019-04-01T08:15:26.110" v="479"/>
          <ac:spMkLst>
            <pc:docMk/>
            <pc:sldMk cId="938656710" sldId="258"/>
            <ac:spMk id="3962" creationId="{BC2C588C-F636-40B3-8479-03632DFA96E4}"/>
          </ac:spMkLst>
        </pc:spChg>
        <pc:spChg chg="del">
          <ac:chgData name="Lubomír Fojtů" userId="629ab448-eb35-4954-b771-bccc02d8ff90" providerId="ADAL" clId="{995FE33D-D744-4C25-9F36-CFCEF7D5137C}" dt="2019-04-01T08:15:26.125" v="481"/>
          <ac:spMkLst>
            <pc:docMk/>
            <pc:sldMk cId="938656710" sldId="258"/>
            <ac:spMk id="3963" creationId="{C245337D-502B-455C-A1CF-EED76CBD04FE}"/>
          </ac:spMkLst>
        </pc:spChg>
        <pc:spChg chg="del">
          <ac:chgData name="Lubomír Fojtů" userId="629ab448-eb35-4954-b771-bccc02d8ff90" providerId="ADAL" clId="{995FE33D-D744-4C25-9F36-CFCEF7D5137C}" dt="2019-04-01T08:15:26.125" v="483"/>
          <ac:spMkLst>
            <pc:docMk/>
            <pc:sldMk cId="938656710" sldId="258"/>
            <ac:spMk id="3964" creationId="{4801B2FA-960A-46D5-BD19-3AE2A9058A28}"/>
          </ac:spMkLst>
        </pc:spChg>
        <pc:spChg chg="del">
          <ac:chgData name="Lubomír Fojtů" userId="629ab448-eb35-4954-b771-bccc02d8ff90" providerId="ADAL" clId="{995FE33D-D744-4C25-9F36-CFCEF7D5137C}" dt="2019-04-01T08:15:26.125" v="485"/>
          <ac:spMkLst>
            <pc:docMk/>
            <pc:sldMk cId="938656710" sldId="258"/>
            <ac:spMk id="3965" creationId="{DA2C9FA2-2D61-4932-8DCD-3FC7BE9F38A5}"/>
          </ac:spMkLst>
        </pc:spChg>
        <pc:spChg chg="del">
          <ac:chgData name="Lubomír Fojtů" userId="629ab448-eb35-4954-b771-bccc02d8ff90" providerId="ADAL" clId="{995FE33D-D744-4C25-9F36-CFCEF7D5137C}" dt="2019-04-01T08:15:26.125" v="487"/>
          <ac:spMkLst>
            <pc:docMk/>
            <pc:sldMk cId="938656710" sldId="258"/>
            <ac:spMk id="3966" creationId="{47AB4DF1-0B7B-4A0B-8FD0-D882F25E8288}"/>
          </ac:spMkLst>
        </pc:spChg>
        <pc:spChg chg="del">
          <ac:chgData name="Lubomír Fojtů" userId="629ab448-eb35-4954-b771-bccc02d8ff90" providerId="ADAL" clId="{995FE33D-D744-4C25-9F36-CFCEF7D5137C}" dt="2019-04-01T08:15:26.125" v="489"/>
          <ac:spMkLst>
            <pc:docMk/>
            <pc:sldMk cId="938656710" sldId="258"/>
            <ac:spMk id="3967" creationId="{703D781B-9272-4603-B34F-A8107A9048BA}"/>
          </ac:spMkLst>
        </pc:spChg>
        <pc:spChg chg="del">
          <ac:chgData name="Lubomír Fojtů" userId="629ab448-eb35-4954-b771-bccc02d8ff90" providerId="ADAL" clId="{995FE33D-D744-4C25-9F36-CFCEF7D5137C}" dt="2019-04-01T08:15:26.125" v="491"/>
          <ac:spMkLst>
            <pc:docMk/>
            <pc:sldMk cId="938656710" sldId="258"/>
            <ac:spMk id="3968" creationId="{51C1C718-A1DD-4A5A-A5A6-B0BB4A6EB480}"/>
          </ac:spMkLst>
        </pc:spChg>
        <pc:spChg chg="del">
          <ac:chgData name="Lubomír Fojtů" userId="629ab448-eb35-4954-b771-bccc02d8ff90" providerId="ADAL" clId="{995FE33D-D744-4C25-9F36-CFCEF7D5137C}" dt="2019-04-01T08:15:26.125" v="493"/>
          <ac:spMkLst>
            <pc:docMk/>
            <pc:sldMk cId="938656710" sldId="258"/>
            <ac:spMk id="3969" creationId="{ECBDA8AA-2CFC-4B3B-81C5-B8B7668AC8B3}"/>
          </ac:spMkLst>
        </pc:spChg>
        <pc:spChg chg="del">
          <ac:chgData name="Lubomír Fojtů" userId="629ab448-eb35-4954-b771-bccc02d8ff90" providerId="ADAL" clId="{995FE33D-D744-4C25-9F36-CFCEF7D5137C}" dt="2019-04-01T08:15:26.125" v="495"/>
          <ac:spMkLst>
            <pc:docMk/>
            <pc:sldMk cId="938656710" sldId="258"/>
            <ac:spMk id="3970" creationId="{4D8A54A8-2535-4C83-8D9E-0B2703F100CD}"/>
          </ac:spMkLst>
        </pc:spChg>
        <pc:spChg chg="del">
          <ac:chgData name="Lubomír Fojtů" userId="629ab448-eb35-4954-b771-bccc02d8ff90" providerId="ADAL" clId="{995FE33D-D744-4C25-9F36-CFCEF7D5137C}" dt="2019-04-01T08:15:26.125" v="497"/>
          <ac:spMkLst>
            <pc:docMk/>
            <pc:sldMk cId="938656710" sldId="258"/>
            <ac:spMk id="3971" creationId="{757B728E-0686-45B5-887E-C35CC16F5645}"/>
          </ac:spMkLst>
        </pc:spChg>
        <pc:spChg chg="del">
          <ac:chgData name="Lubomír Fojtů" userId="629ab448-eb35-4954-b771-bccc02d8ff90" providerId="ADAL" clId="{995FE33D-D744-4C25-9F36-CFCEF7D5137C}" dt="2019-04-01T08:15:26.125" v="499"/>
          <ac:spMkLst>
            <pc:docMk/>
            <pc:sldMk cId="938656710" sldId="258"/>
            <ac:spMk id="3972" creationId="{BC3BA957-6E05-434D-8F38-B1B47CC53455}"/>
          </ac:spMkLst>
        </pc:spChg>
        <pc:spChg chg="del">
          <ac:chgData name="Lubomír Fojtů" userId="629ab448-eb35-4954-b771-bccc02d8ff90" providerId="ADAL" clId="{995FE33D-D744-4C25-9F36-CFCEF7D5137C}" dt="2019-04-01T08:15:26.125" v="501"/>
          <ac:spMkLst>
            <pc:docMk/>
            <pc:sldMk cId="938656710" sldId="258"/>
            <ac:spMk id="3973" creationId="{711E1FF9-06A3-44F9-98EC-0BBD83DD4734}"/>
          </ac:spMkLst>
        </pc:spChg>
        <pc:spChg chg="del">
          <ac:chgData name="Lubomír Fojtů" userId="629ab448-eb35-4954-b771-bccc02d8ff90" providerId="ADAL" clId="{995FE33D-D744-4C25-9F36-CFCEF7D5137C}" dt="2019-04-01T08:15:26.125" v="503"/>
          <ac:spMkLst>
            <pc:docMk/>
            <pc:sldMk cId="938656710" sldId="258"/>
            <ac:spMk id="3974" creationId="{CB9AAC06-E4CA-49EB-874C-9F189A432A6F}"/>
          </ac:spMkLst>
        </pc:spChg>
        <pc:spChg chg="del">
          <ac:chgData name="Lubomír Fojtů" userId="629ab448-eb35-4954-b771-bccc02d8ff90" providerId="ADAL" clId="{995FE33D-D744-4C25-9F36-CFCEF7D5137C}" dt="2019-04-01T08:15:26.125" v="505"/>
          <ac:spMkLst>
            <pc:docMk/>
            <pc:sldMk cId="938656710" sldId="258"/>
            <ac:spMk id="3975" creationId="{D5801A34-2746-4074-AD24-B8AFA001FD3E}"/>
          </ac:spMkLst>
        </pc:spChg>
        <pc:spChg chg="del">
          <ac:chgData name="Lubomír Fojtů" userId="629ab448-eb35-4954-b771-bccc02d8ff90" providerId="ADAL" clId="{995FE33D-D744-4C25-9F36-CFCEF7D5137C}" dt="2019-04-01T08:15:26.125" v="507"/>
          <ac:spMkLst>
            <pc:docMk/>
            <pc:sldMk cId="938656710" sldId="258"/>
            <ac:spMk id="3976" creationId="{9716CADB-FC23-4820-9597-51A9BE593F0A}"/>
          </ac:spMkLst>
        </pc:spChg>
        <pc:spChg chg="del">
          <ac:chgData name="Lubomír Fojtů" userId="629ab448-eb35-4954-b771-bccc02d8ff90" providerId="ADAL" clId="{995FE33D-D744-4C25-9F36-CFCEF7D5137C}" dt="2019-04-01T08:15:26.125" v="509"/>
          <ac:spMkLst>
            <pc:docMk/>
            <pc:sldMk cId="938656710" sldId="258"/>
            <ac:spMk id="3977" creationId="{9593D0B1-E637-4AEC-9424-8590BBBF48A3}"/>
          </ac:spMkLst>
        </pc:spChg>
        <pc:spChg chg="del">
          <ac:chgData name="Lubomír Fojtů" userId="629ab448-eb35-4954-b771-bccc02d8ff90" providerId="ADAL" clId="{995FE33D-D744-4C25-9F36-CFCEF7D5137C}" dt="2019-04-01T08:15:26.125" v="511"/>
          <ac:spMkLst>
            <pc:docMk/>
            <pc:sldMk cId="938656710" sldId="258"/>
            <ac:spMk id="3978" creationId="{1C69D324-AB7B-45C1-8357-75EA34E0A31F}"/>
          </ac:spMkLst>
        </pc:spChg>
        <pc:spChg chg="del">
          <ac:chgData name="Lubomír Fojtů" userId="629ab448-eb35-4954-b771-bccc02d8ff90" providerId="ADAL" clId="{995FE33D-D744-4C25-9F36-CFCEF7D5137C}" dt="2019-04-01T08:15:26.125" v="513"/>
          <ac:spMkLst>
            <pc:docMk/>
            <pc:sldMk cId="938656710" sldId="258"/>
            <ac:spMk id="3979" creationId="{E1F781EF-BAC1-418C-AB11-8FCE306F2667}"/>
          </ac:spMkLst>
        </pc:spChg>
        <pc:spChg chg="del">
          <ac:chgData name="Lubomír Fojtů" userId="629ab448-eb35-4954-b771-bccc02d8ff90" providerId="ADAL" clId="{995FE33D-D744-4C25-9F36-CFCEF7D5137C}" dt="2019-04-01T08:15:26.125" v="515"/>
          <ac:spMkLst>
            <pc:docMk/>
            <pc:sldMk cId="938656710" sldId="258"/>
            <ac:spMk id="3980" creationId="{5737DF99-506C-4183-B39D-515050AB0E79}"/>
          </ac:spMkLst>
        </pc:spChg>
        <pc:spChg chg="del">
          <ac:chgData name="Lubomír Fojtů" userId="629ab448-eb35-4954-b771-bccc02d8ff90" providerId="ADAL" clId="{995FE33D-D744-4C25-9F36-CFCEF7D5137C}" dt="2019-04-01T08:15:26.125" v="517"/>
          <ac:spMkLst>
            <pc:docMk/>
            <pc:sldMk cId="938656710" sldId="258"/>
            <ac:spMk id="3981" creationId="{254EB9ED-F5B3-4A85-9D04-2034A012FDB3}"/>
          </ac:spMkLst>
        </pc:spChg>
        <pc:spChg chg="del">
          <ac:chgData name="Lubomír Fojtů" userId="629ab448-eb35-4954-b771-bccc02d8ff90" providerId="ADAL" clId="{995FE33D-D744-4C25-9F36-CFCEF7D5137C}" dt="2019-04-01T08:15:26.125" v="519"/>
          <ac:spMkLst>
            <pc:docMk/>
            <pc:sldMk cId="938656710" sldId="258"/>
            <ac:spMk id="3982" creationId="{753EFC68-4A42-4A63-B1C6-EA6DEFCCC130}"/>
          </ac:spMkLst>
        </pc:spChg>
        <pc:spChg chg="del">
          <ac:chgData name="Lubomír Fojtů" userId="629ab448-eb35-4954-b771-bccc02d8ff90" providerId="ADAL" clId="{995FE33D-D744-4C25-9F36-CFCEF7D5137C}" dt="2019-04-01T08:15:26.125" v="521"/>
          <ac:spMkLst>
            <pc:docMk/>
            <pc:sldMk cId="938656710" sldId="258"/>
            <ac:spMk id="3983" creationId="{7FC25113-3AF7-4240-828D-54E169854E7F}"/>
          </ac:spMkLst>
        </pc:spChg>
        <pc:spChg chg="del">
          <ac:chgData name="Lubomír Fojtů" userId="629ab448-eb35-4954-b771-bccc02d8ff90" providerId="ADAL" clId="{995FE33D-D744-4C25-9F36-CFCEF7D5137C}" dt="2019-04-01T08:15:26.125" v="523"/>
          <ac:spMkLst>
            <pc:docMk/>
            <pc:sldMk cId="938656710" sldId="258"/>
            <ac:spMk id="3984" creationId="{03C092D1-650C-46F3-A559-314B37F8690B}"/>
          </ac:spMkLst>
        </pc:spChg>
        <pc:spChg chg="del">
          <ac:chgData name="Lubomír Fojtů" userId="629ab448-eb35-4954-b771-bccc02d8ff90" providerId="ADAL" clId="{995FE33D-D744-4C25-9F36-CFCEF7D5137C}" dt="2019-04-01T08:15:26.125" v="525"/>
          <ac:spMkLst>
            <pc:docMk/>
            <pc:sldMk cId="938656710" sldId="258"/>
            <ac:spMk id="3985" creationId="{B2F772C4-D044-4DF5-BB08-72101177D9A4}"/>
          </ac:spMkLst>
        </pc:spChg>
        <pc:spChg chg="del">
          <ac:chgData name="Lubomír Fojtů" userId="629ab448-eb35-4954-b771-bccc02d8ff90" providerId="ADAL" clId="{995FE33D-D744-4C25-9F36-CFCEF7D5137C}" dt="2019-04-01T08:15:26.125" v="527"/>
          <ac:spMkLst>
            <pc:docMk/>
            <pc:sldMk cId="938656710" sldId="258"/>
            <ac:spMk id="3986" creationId="{A3931313-EEC3-4D74-B978-B0A85FAC58FF}"/>
          </ac:spMkLst>
        </pc:spChg>
        <pc:spChg chg="del">
          <ac:chgData name="Lubomír Fojtů" userId="629ab448-eb35-4954-b771-bccc02d8ff90" providerId="ADAL" clId="{995FE33D-D744-4C25-9F36-CFCEF7D5137C}" dt="2019-04-01T08:15:26.141" v="529"/>
          <ac:spMkLst>
            <pc:docMk/>
            <pc:sldMk cId="938656710" sldId="258"/>
            <ac:spMk id="3987" creationId="{58408C49-0ABF-418A-B9A1-7A7523E483E4}"/>
          </ac:spMkLst>
        </pc:spChg>
        <pc:spChg chg="del">
          <ac:chgData name="Lubomír Fojtů" userId="629ab448-eb35-4954-b771-bccc02d8ff90" providerId="ADAL" clId="{995FE33D-D744-4C25-9F36-CFCEF7D5137C}" dt="2019-04-01T08:15:26.141" v="531"/>
          <ac:spMkLst>
            <pc:docMk/>
            <pc:sldMk cId="938656710" sldId="258"/>
            <ac:spMk id="3988" creationId="{E565A905-B39D-4ECC-9C64-2841D8F0F1BE}"/>
          </ac:spMkLst>
        </pc:spChg>
        <pc:spChg chg="del">
          <ac:chgData name="Lubomír Fojtů" userId="629ab448-eb35-4954-b771-bccc02d8ff90" providerId="ADAL" clId="{995FE33D-D744-4C25-9F36-CFCEF7D5137C}" dt="2019-04-01T08:15:26.141" v="533"/>
          <ac:spMkLst>
            <pc:docMk/>
            <pc:sldMk cId="938656710" sldId="258"/>
            <ac:spMk id="3989" creationId="{01299304-2B3B-468B-AEF7-C0832E0A2D6E}"/>
          </ac:spMkLst>
        </pc:spChg>
        <pc:spChg chg="del">
          <ac:chgData name="Lubomír Fojtů" userId="629ab448-eb35-4954-b771-bccc02d8ff90" providerId="ADAL" clId="{995FE33D-D744-4C25-9F36-CFCEF7D5137C}" dt="2019-04-01T08:15:26.141" v="535"/>
          <ac:spMkLst>
            <pc:docMk/>
            <pc:sldMk cId="938656710" sldId="258"/>
            <ac:spMk id="3990" creationId="{3862D81B-31BB-44D1-A904-7BEAEB451DB2}"/>
          </ac:spMkLst>
        </pc:spChg>
        <pc:spChg chg="del">
          <ac:chgData name="Lubomír Fojtů" userId="629ab448-eb35-4954-b771-bccc02d8ff90" providerId="ADAL" clId="{995FE33D-D744-4C25-9F36-CFCEF7D5137C}" dt="2019-04-01T08:15:26.141" v="537"/>
          <ac:spMkLst>
            <pc:docMk/>
            <pc:sldMk cId="938656710" sldId="258"/>
            <ac:spMk id="3991" creationId="{6383FB98-1136-4954-A353-308054D8061B}"/>
          </ac:spMkLst>
        </pc:spChg>
        <pc:spChg chg="del">
          <ac:chgData name="Lubomír Fojtů" userId="629ab448-eb35-4954-b771-bccc02d8ff90" providerId="ADAL" clId="{995FE33D-D744-4C25-9F36-CFCEF7D5137C}" dt="2019-04-01T08:15:26.141" v="539"/>
          <ac:spMkLst>
            <pc:docMk/>
            <pc:sldMk cId="938656710" sldId="258"/>
            <ac:spMk id="3992" creationId="{07A7C1B3-D94B-479B-B834-84FA634C13F2}"/>
          </ac:spMkLst>
        </pc:spChg>
        <pc:spChg chg="del">
          <ac:chgData name="Lubomír Fojtů" userId="629ab448-eb35-4954-b771-bccc02d8ff90" providerId="ADAL" clId="{995FE33D-D744-4C25-9F36-CFCEF7D5137C}" dt="2019-04-01T08:15:26.141" v="541"/>
          <ac:spMkLst>
            <pc:docMk/>
            <pc:sldMk cId="938656710" sldId="258"/>
            <ac:spMk id="3993" creationId="{0350187A-F4C1-4E94-AA9B-6BC626C14D3A}"/>
          </ac:spMkLst>
        </pc:spChg>
        <pc:spChg chg="del">
          <ac:chgData name="Lubomír Fojtů" userId="629ab448-eb35-4954-b771-bccc02d8ff90" providerId="ADAL" clId="{995FE33D-D744-4C25-9F36-CFCEF7D5137C}" dt="2019-04-01T08:15:26.141" v="543"/>
          <ac:spMkLst>
            <pc:docMk/>
            <pc:sldMk cId="938656710" sldId="258"/>
            <ac:spMk id="3994" creationId="{5E5F4B21-6601-4954-802C-29348C92234F}"/>
          </ac:spMkLst>
        </pc:spChg>
        <pc:spChg chg="del">
          <ac:chgData name="Lubomír Fojtů" userId="629ab448-eb35-4954-b771-bccc02d8ff90" providerId="ADAL" clId="{995FE33D-D744-4C25-9F36-CFCEF7D5137C}" dt="2019-04-01T08:15:26.141" v="545"/>
          <ac:spMkLst>
            <pc:docMk/>
            <pc:sldMk cId="938656710" sldId="258"/>
            <ac:spMk id="3995" creationId="{B1E1CD16-C314-45AE-AB33-24E0D5F37072}"/>
          </ac:spMkLst>
        </pc:spChg>
        <pc:spChg chg="del">
          <ac:chgData name="Lubomír Fojtů" userId="629ab448-eb35-4954-b771-bccc02d8ff90" providerId="ADAL" clId="{995FE33D-D744-4C25-9F36-CFCEF7D5137C}" dt="2019-04-01T08:15:26.141" v="547"/>
          <ac:spMkLst>
            <pc:docMk/>
            <pc:sldMk cId="938656710" sldId="258"/>
            <ac:spMk id="3996" creationId="{982F14EF-EFEA-417D-B71C-6710288BE596}"/>
          </ac:spMkLst>
        </pc:spChg>
        <pc:spChg chg="del">
          <ac:chgData name="Lubomír Fojtů" userId="629ab448-eb35-4954-b771-bccc02d8ff90" providerId="ADAL" clId="{995FE33D-D744-4C25-9F36-CFCEF7D5137C}" dt="2019-04-01T08:15:26.141" v="549"/>
          <ac:spMkLst>
            <pc:docMk/>
            <pc:sldMk cId="938656710" sldId="258"/>
            <ac:spMk id="3997" creationId="{96713095-EF91-4895-AF24-33719F753251}"/>
          </ac:spMkLst>
        </pc:spChg>
        <pc:spChg chg="del">
          <ac:chgData name="Lubomír Fojtů" userId="629ab448-eb35-4954-b771-bccc02d8ff90" providerId="ADAL" clId="{995FE33D-D744-4C25-9F36-CFCEF7D5137C}" dt="2019-04-01T08:15:26.141" v="551"/>
          <ac:spMkLst>
            <pc:docMk/>
            <pc:sldMk cId="938656710" sldId="258"/>
            <ac:spMk id="3998" creationId="{D6B33D35-695A-4810-B4A0-32062FB5B56B}"/>
          </ac:spMkLst>
        </pc:spChg>
        <pc:spChg chg="del">
          <ac:chgData name="Lubomír Fojtů" userId="629ab448-eb35-4954-b771-bccc02d8ff90" providerId="ADAL" clId="{995FE33D-D744-4C25-9F36-CFCEF7D5137C}" dt="2019-04-01T08:15:26.141" v="553"/>
          <ac:spMkLst>
            <pc:docMk/>
            <pc:sldMk cId="938656710" sldId="258"/>
            <ac:spMk id="3999" creationId="{E65D11BB-9764-4252-AB47-D9BA244BDC41}"/>
          </ac:spMkLst>
        </pc:spChg>
        <pc:spChg chg="del">
          <ac:chgData name="Lubomír Fojtů" userId="629ab448-eb35-4954-b771-bccc02d8ff90" providerId="ADAL" clId="{995FE33D-D744-4C25-9F36-CFCEF7D5137C}" dt="2019-04-01T08:15:26.141" v="555"/>
          <ac:spMkLst>
            <pc:docMk/>
            <pc:sldMk cId="938656710" sldId="258"/>
            <ac:spMk id="4000" creationId="{D0883F41-141C-469E-AC7F-90116A75C49A}"/>
          </ac:spMkLst>
        </pc:spChg>
        <pc:spChg chg="del">
          <ac:chgData name="Lubomír Fojtů" userId="629ab448-eb35-4954-b771-bccc02d8ff90" providerId="ADAL" clId="{995FE33D-D744-4C25-9F36-CFCEF7D5137C}" dt="2019-04-01T08:15:26.141" v="557"/>
          <ac:spMkLst>
            <pc:docMk/>
            <pc:sldMk cId="938656710" sldId="258"/>
            <ac:spMk id="4001" creationId="{0B20C690-5DEE-4621-B3D8-B25E0C28545C}"/>
          </ac:spMkLst>
        </pc:spChg>
        <pc:spChg chg="del">
          <ac:chgData name="Lubomír Fojtů" userId="629ab448-eb35-4954-b771-bccc02d8ff90" providerId="ADAL" clId="{995FE33D-D744-4C25-9F36-CFCEF7D5137C}" dt="2019-04-01T08:15:26.141" v="559"/>
          <ac:spMkLst>
            <pc:docMk/>
            <pc:sldMk cId="938656710" sldId="258"/>
            <ac:spMk id="4002" creationId="{97FA0F73-0D82-497B-B1DA-FE121B40C0F6}"/>
          </ac:spMkLst>
        </pc:spChg>
        <pc:spChg chg="del">
          <ac:chgData name="Lubomír Fojtů" userId="629ab448-eb35-4954-b771-bccc02d8ff90" providerId="ADAL" clId="{995FE33D-D744-4C25-9F36-CFCEF7D5137C}" dt="2019-04-01T08:15:26.141" v="561"/>
          <ac:spMkLst>
            <pc:docMk/>
            <pc:sldMk cId="938656710" sldId="258"/>
            <ac:spMk id="4003" creationId="{DCAE1102-B667-4B41-942C-35B9A1B518C3}"/>
          </ac:spMkLst>
        </pc:spChg>
        <pc:spChg chg="del">
          <ac:chgData name="Lubomír Fojtů" userId="629ab448-eb35-4954-b771-bccc02d8ff90" providerId="ADAL" clId="{995FE33D-D744-4C25-9F36-CFCEF7D5137C}" dt="2019-04-01T08:15:26.141" v="563"/>
          <ac:spMkLst>
            <pc:docMk/>
            <pc:sldMk cId="938656710" sldId="258"/>
            <ac:spMk id="4004" creationId="{50BA27AD-7383-46EE-8A02-50B3F711E609}"/>
          </ac:spMkLst>
        </pc:spChg>
        <pc:spChg chg="del">
          <ac:chgData name="Lubomír Fojtů" userId="629ab448-eb35-4954-b771-bccc02d8ff90" providerId="ADAL" clId="{995FE33D-D744-4C25-9F36-CFCEF7D5137C}" dt="2019-04-01T08:15:26.141" v="565"/>
          <ac:spMkLst>
            <pc:docMk/>
            <pc:sldMk cId="938656710" sldId="258"/>
            <ac:spMk id="4005" creationId="{2999B55D-DFF3-4082-A759-F7AA905B0B3E}"/>
          </ac:spMkLst>
        </pc:spChg>
        <pc:spChg chg="del">
          <ac:chgData name="Lubomír Fojtů" userId="629ab448-eb35-4954-b771-bccc02d8ff90" providerId="ADAL" clId="{995FE33D-D744-4C25-9F36-CFCEF7D5137C}" dt="2019-04-01T08:15:26.141" v="567"/>
          <ac:spMkLst>
            <pc:docMk/>
            <pc:sldMk cId="938656710" sldId="258"/>
            <ac:spMk id="4006" creationId="{2E1615AB-7A26-4DDF-BD11-2213CD0D09FB}"/>
          </ac:spMkLst>
        </pc:spChg>
        <pc:spChg chg="del">
          <ac:chgData name="Lubomír Fojtů" userId="629ab448-eb35-4954-b771-bccc02d8ff90" providerId="ADAL" clId="{995FE33D-D744-4C25-9F36-CFCEF7D5137C}" dt="2019-04-01T08:15:26.141" v="569"/>
          <ac:spMkLst>
            <pc:docMk/>
            <pc:sldMk cId="938656710" sldId="258"/>
            <ac:spMk id="4007" creationId="{18401439-4D11-4905-BCD9-9B231A4F5896}"/>
          </ac:spMkLst>
        </pc:spChg>
        <pc:spChg chg="del">
          <ac:chgData name="Lubomír Fojtů" userId="629ab448-eb35-4954-b771-bccc02d8ff90" providerId="ADAL" clId="{995FE33D-D744-4C25-9F36-CFCEF7D5137C}" dt="2019-04-01T08:15:26.141" v="571"/>
          <ac:spMkLst>
            <pc:docMk/>
            <pc:sldMk cId="938656710" sldId="258"/>
            <ac:spMk id="4008" creationId="{9225E44E-017B-41DF-A3F4-42F446CEDE27}"/>
          </ac:spMkLst>
        </pc:spChg>
        <pc:spChg chg="del">
          <ac:chgData name="Lubomír Fojtů" userId="629ab448-eb35-4954-b771-bccc02d8ff90" providerId="ADAL" clId="{995FE33D-D744-4C25-9F36-CFCEF7D5137C}" dt="2019-04-01T08:15:26.141" v="573"/>
          <ac:spMkLst>
            <pc:docMk/>
            <pc:sldMk cId="938656710" sldId="258"/>
            <ac:spMk id="4009" creationId="{62B3A308-DC32-4A6F-A583-C9EF1C9CAC10}"/>
          </ac:spMkLst>
        </pc:spChg>
        <pc:spChg chg="del">
          <ac:chgData name="Lubomír Fojtů" userId="629ab448-eb35-4954-b771-bccc02d8ff90" providerId="ADAL" clId="{995FE33D-D744-4C25-9F36-CFCEF7D5137C}" dt="2019-04-01T08:15:26.141" v="575"/>
          <ac:spMkLst>
            <pc:docMk/>
            <pc:sldMk cId="938656710" sldId="258"/>
            <ac:spMk id="4010" creationId="{CEC533CF-699D-439E-BEEC-41074DF54025}"/>
          </ac:spMkLst>
        </pc:spChg>
        <pc:spChg chg="del">
          <ac:chgData name="Lubomír Fojtů" userId="629ab448-eb35-4954-b771-bccc02d8ff90" providerId="ADAL" clId="{995FE33D-D744-4C25-9F36-CFCEF7D5137C}" dt="2019-04-01T08:15:26.141" v="577"/>
          <ac:spMkLst>
            <pc:docMk/>
            <pc:sldMk cId="938656710" sldId="258"/>
            <ac:spMk id="4011" creationId="{48A98506-862F-4E39-81C4-5D10BBE3A833}"/>
          </ac:spMkLst>
        </pc:spChg>
        <pc:spChg chg="del">
          <ac:chgData name="Lubomír Fojtů" userId="629ab448-eb35-4954-b771-bccc02d8ff90" providerId="ADAL" clId="{995FE33D-D744-4C25-9F36-CFCEF7D5137C}" dt="2019-04-01T08:15:26.157" v="579"/>
          <ac:spMkLst>
            <pc:docMk/>
            <pc:sldMk cId="938656710" sldId="258"/>
            <ac:spMk id="4012" creationId="{131886F3-93B3-48D0-AA50-0C5A3104C67D}"/>
          </ac:spMkLst>
        </pc:spChg>
        <pc:spChg chg="del">
          <ac:chgData name="Lubomír Fojtů" userId="629ab448-eb35-4954-b771-bccc02d8ff90" providerId="ADAL" clId="{995FE33D-D744-4C25-9F36-CFCEF7D5137C}" dt="2019-04-01T08:15:26.157" v="581"/>
          <ac:spMkLst>
            <pc:docMk/>
            <pc:sldMk cId="938656710" sldId="258"/>
            <ac:spMk id="4013" creationId="{23330849-581D-458F-AF4A-0476A1A1A7C9}"/>
          </ac:spMkLst>
        </pc:spChg>
        <pc:spChg chg="del">
          <ac:chgData name="Lubomír Fojtů" userId="629ab448-eb35-4954-b771-bccc02d8ff90" providerId="ADAL" clId="{995FE33D-D744-4C25-9F36-CFCEF7D5137C}" dt="2019-04-01T08:15:26.157" v="583"/>
          <ac:spMkLst>
            <pc:docMk/>
            <pc:sldMk cId="938656710" sldId="258"/>
            <ac:spMk id="4014" creationId="{744CCEB6-1765-4612-8F88-0C1CC640EFDA}"/>
          </ac:spMkLst>
        </pc:spChg>
        <pc:spChg chg="del">
          <ac:chgData name="Lubomír Fojtů" userId="629ab448-eb35-4954-b771-bccc02d8ff90" providerId="ADAL" clId="{995FE33D-D744-4C25-9F36-CFCEF7D5137C}" dt="2019-04-01T08:15:26.157" v="585"/>
          <ac:spMkLst>
            <pc:docMk/>
            <pc:sldMk cId="938656710" sldId="258"/>
            <ac:spMk id="4015" creationId="{CBC72DF0-DF46-44F2-AA90-E32FDBF3EB8D}"/>
          </ac:spMkLst>
        </pc:spChg>
        <pc:spChg chg="del">
          <ac:chgData name="Lubomír Fojtů" userId="629ab448-eb35-4954-b771-bccc02d8ff90" providerId="ADAL" clId="{995FE33D-D744-4C25-9F36-CFCEF7D5137C}" dt="2019-04-01T08:15:26.157" v="587"/>
          <ac:spMkLst>
            <pc:docMk/>
            <pc:sldMk cId="938656710" sldId="258"/>
            <ac:spMk id="4016" creationId="{0ABF0D5E-467A-4A16-BEF6-693880342326}"/>
          </ac:spMkLst>
        </pc:spChg>
        <pc:spChg chg="del">
          <ac:chgData name="Lubomír Fojtů" userId="629ab448-eb35-4954-b771-bccc02d8ff90" providerId="ADAL" clId="{995FE33D-D744-4C25-9F36-CFCEF7D5137C}" dt="2019-04-01T08:15:26.157" v="589"/>
          <ac:spMkLst>
            <pc:docMk/>
            <pc:sldMk cId="938656710" sldId="258"/>
            <ac:spMk id="4017" creationId="{ABF58B22-88FE-4AD5-A7C0-57AFCCC66349}"/>
          </ac:spMkLst>
        </pc:spChg>
        <pc:spChg chg="del">
          <ac:chgData name="Lubomír Fojtů" userId="629ab448-eb35-4954-b771-bccc02d8ff90" providerId="ADAL" clId="{995FE33D-D744-4C25-9F36-CFCEF7D5137C}" dt="2019-04-01T08:15:26.157" v="591"/>
          <ac:spMkLst>
            <pc:docMk/>
            <pc:sldMk cId="938656710" sldId="258"/>
            <ac:spMk id="4018" creationId="{F110590F-B436-45C9-A680-CFD9F2B4284B}"/>
          </ac:spMkLst>
        </pc:spChg>
        <pc:spChg chg="del">
          <ac:chgData name="Lubomír Fojtů" userId="629ab448-eb35-4954-b771-bccc02d8ff90" providerId="ADAL" clId="{995FE33D-D744-4C25-9F36-CFCEF7D5137C}" dt="2019-04-01T08:15:26.157" v="593"/>
          <ac:spMkLst>
            <pc:docMk/>
            <pc:sldMk cId="938656710" sldId="258"/>
            <ac:spMk id="4019" creationId="{ED3CDA18-429A-4514-AEC7-6B32404FC14F}"/>
          </ac:spMkLst>
        </pc:spChg>
        <pc:spChg chg="del">
          <ac:chgData name="Lubomír Fojtů" userId="629ab448-eb35-4954-b771-bccc02d8ff90" providerId="ADAL" clId="{995FE33D-D744-4C25-9F36-CFCEF7D5137C}" dt="2019-04-01T08:15:26.157" v="595"/>
          <ac:spMkLst>
            <pc:docMk/>
            <pc:sldMk cId="938656710" sldId="258"/>
            <ac:spMk id="4020" creationId="{809440C1-A88E-410F-A94E-81B19B2C54F7}"/>
          </ac:spMkLst>
        </pc:spChg>
        <pc:spChg chg="del">
          <ac:chgData name="Lubomír Fojtů" userId="629ab448-eb35-4954-b771-bccc02d8ff90" providerId="ADAL" clId="{995FE33D-D744-4C25-9F36-CFCEF7D5137C}" dt="2019-04-01T08:15:26.157" v="597"/>
          <ac:spMkLst>
            <pc:docMk/>
            <pc:sldMk cId="938656710" sldId="258"/>
            <ac:spMk id="4021" creationId="{DAC9369C-14E4-4072-A334-4B5D607E0BFB}"/>
          </ac:spMkLst>
        </pc:spChg>
        <pc:spChg chg="del">
          <ac:chgData name="Lubomír Fojtů" userId="629ab448-eb35-4954-b771-bccc02d8ff90" providerId="ADAL" clId="{995FE33D-D744-4C25-9F36-CFCEF7D5137C}" dt="2019-04-01T08:15:26.157" v="599"/>
          <ac:spMkLst>
            <pc:docMk/>
            <pc:sldMk cId="938656710" sldId="258"/>
            <ac:spMk id="4022" creationId="{6088F90B-2C55-4CBF-8FD3-89E724E5F046}"/>
          </ac:spMkLst>
        </pc:spChg>
        <pc:spChg chg="del">
          <ac:chgData name="Lubomír Fojtů" userId="629ab448-eb35-4954-b771-bccc02d8ff90" providerId="ADAL" clId="{995FE33D-D744-4C25-9F36-CFCEF7D5137C}" dt="2019-04-01T08:15:26.157" v="601"/>
          <ac:spMkLst>
            <pc:docMk/>
            <pc:sldMk cId="938656710" sldId="258"/>
            <ac:spMk id="4023" creationId="{55817411-8DA8-4D28-98F0-BA864C7F0542}"/>
          </ac:spMkLst>
        </pc:spChg>
        <pc:spChg chg="del">
          <ac:chgData name="Lubomír Fojtů" userId="629ab448-eb35-4954-b771-bccc02d8ff90" providerId="ADAL" clId="{995FE33D-D744-4C25-9F36-CFCEF7D5137C}" dt="2019-04-01T08:15:26.157" v="603"/>
          <ac:spMkLst>
            <pc:docMk/>
            <pc:sldMk cId="938656710" sldId="258"/>
            <ac:spMk id="4024" creationId="{3FA2DB91-8A0F-4FAE-900F-7BF55F090478}"/>
          </ac:spMkLst>
        </pc:spChg>
        <pc:spChg chg="add del mod">
          <ac:chgData name="Lubomír Fojtů" userId="629ab448-eb35-4954-b771-bccc02d8ff90" providerId="ADAL" clId="{995FE33D-D744-4C25-9F36-CFCEF7D5137C}" dt="2019-04-01T08:16:53.894" v="14462"/>
          <ac:spMkLst>
            <pc:docMk/>
            <pc:sldMk cId="938656710" sldId="258"/>
            <ac:spMk id="4092" creationId="{88769C9E-671D-4C68-BF5C-9E80B4454D70}"/>
          </ac:spMkLst>
        </pc:spChg>
        <pc:spChg chg="add del mod">
          <ac:chgData name="Lubomír Fojtů" userId="629ab448-eb35-4954-b771-bccc02d8ff90" providerId="ADAL" clId="{995FE33D-D744-4C25-9F36-CFCEF7D5137C}" dt="2019-04-01T08:16:53.894" v="14464"/>
          <ac:spMkLst>
            <pc:docMk/>
            <pc:sldMk cId="938656710" sldId="258"/>
            <ac:spMk id="4093" creationId="{D5F6EF03-F19A-4796-9B30-8AB8D175DAD5}"/>
          </ac:spMkLst>
        </pc:spChg>
        <pc:spChg chg="add del mod">
          <ac:chgData name="Lubomír Fojtů" userId="629ab448-eb35-4954-b771-bccc02d8ff90" providerId="ADAL" clId="{995FE33D-D744-4C25-9F36-CFCEF7D5137C}" dt="2019-04-01T08:16:53.894" v="14466"/>
          <ac:spMkLst>
            <pc:docMk/>
            <pc:sldMk cId="938656710" sldId="258"/>
            <ac:spMk id="4094" creationId="{145EAD9C-3344-4276-92AB-DE99EB0DEA16}"/>
          </ac:spMkLst>
        </pc:spChg>
        <pc:spChg chg="add del mod">
          <ac:chgData name="Lubomír Fojtů" userId="629ab448-eb35-4954-b771-bccc02d8ff90" providerId="ADAL" clId="{995FE33D-D744-4C25-9F36-CFCEF7D5137C}" dt="2019-04-01T08:16:53.894" v="14468"/>
          <ac:spMkLst>
            <pc:docMk/>
            <pc:sldMk cId="938656710" sldId="258"/>
            <ac:spMk id="4095" creationId="{19AE070A-7CD8-44DB-89EE-6FC5C2903299}"/>
          </ac:spMkLst>
        </pc:spChg>
        <pc:spChg chg="add del mod">
          <ac:chgData name="Lubomír Fojtů" userId="629ab448-eb35-4954-b771-bccc02d8ff90" providerId="ADAL" clId="{995FE33D-D744-4C25-9F36-CFCEF7D5137C}" dt="2019-04-01T08:16:53.894" v="14470"/>
          <ac:spMkLst>
            <pc:docMk/>
            <pc:sldMk cId="938656710" sldId="258"/>
            <ac:spMk id="4096" creationId="{53EE278F-3C52-4483-86F4-751EDF557358}"/>
          </ac:spMkLst>
        </pc:spChg>
        <pc:spChg chg="add del mod">
          <ac:chgData name="Lubomír Fojtů" userId="629ab448-eb35-4954-b771-bccc02d8ff90" providerId="ADAL" clId="{995FE33D-D744-4C25-9F36-CFCEF7D5137C}" dt="2019-04-01T08:16:53.894" v="14472"/>
          <ac:spMkLst>
            <pc:docMk/>
            <pc:sldMk cId="938656710" sldId="258"/>
            <ac:spMk id="4097" creationId="{82D362B6-827C-495A-AEDD-8CB2F014E733}"/>
          </ac:spMkLst>
        </pc:spChg>
        <pc:spChg chg="add del mod">
          <ac:chgData name="Lubomír Fojtů" userId="629ab448-eb35-4954-b771-bccc02d8ff90" providerId="ADAL" clId="{995FE33D-D744-4C25-9F36-CFCEF7D5137C}" dt="2019-04-01T08:16:53.894" v="14474"/>
          <ac:spMkLst>
            <pc:docMk/>
            <pc:sldMk cId="938656710" sldId="258"/>
            <ac:spMk id="4098" creationId="{65C0AB62-2C0A-4458-B497-6DFFA1C78F31}"/>
          </ac:spMkLst>
        </pc:spChg>
        <pc:spChg chg="add del mod">
          <ac:chgData name="Lubomír Fojtů" userId="629ab448-eb35-4954-b771-bccc02d8ff90" providerId="ADAL" clId="{995FE33D-D744-4C25-9F36-CFCEF7D5137C}" dt="2019-04-01T08:16:53.894" v="14476"/>
          <ac:spMkLst>
            <pc:docMk/>
            <pc:sldMk cId="938656710" sldId="258"/>
            <ac:spMk id="4099" creationId="{DB928C87-BEE3-4B35-ACA0-114BEDDF7FB8}"/>
          </ac:spMkLst>
        </pc:spChg>
        <pc:spChg chg="add del mod">
          <ac:chgData name="Lubomír Fojtů" userId="629ab448-eb35-4954-b771-bccc02d8ff90" providerId="ADAL" clId="{995FE33D-D744-4C25-9F36-CFCEF7D5137C}" dt="2019-04-01T08:16:53.894" v="14478"/>
          <ac:spMkLst>
            <pc:docMk/>
            <pc:sldMk cId="938656710" sldId="258"/>
            <ac:spMk id="4100" creationId="{9337E645-A4A2-4DED-867F-28674777072A}"/>
          </ac:spMkLst>
        </pc:spChg>
        <pc:spChg chg="add del mod">
          <ac:chgData name="Lubomír Fojtů" userId="629ab448-eb35-4954-b771-bccc02d8ff90" providerId="ADAL" clId="{995FE33D-D744-4C25-9F36-CFCEF7D5137C}" dt="2019-04-01T08:16:53.894" v="14480"/>
          <ac:spMkLst>
            <pc:docMk/>
            <pc:sldMk cId="938656710" sldId="258"/>
            <ac:spMk id="4101" creationId="{1413EA17-749F-4979-8093-F4EE771B80BE}"/>
          </ac:spMkLst>
        </pc:spChg>
        <pc:spChg chg="add del mod">
          <ac:chgData name="Lubomír Fojtů" userId="629ab448-eb35-4954-b771-bccc02d8ff90" providerId="ADAL" clId="{995FE33D-D744-4C25-9F36-CFCEF7D5137C}" dt="2019-04-01T08:16:53.894" v="14482"/>
          <ac:spMkLst>
            <pc:docMk/>
            <pc:sldMk cId="938656710" sldId="258"/>
            <ac:spMk id="4102" creationId="{C7D0CEE5-2F4F-4FAE-93FD-2DA92A691AF5}"/>
          </ac:spMkLst>
        </pc:spChg>
        <pc:spChg chg="add del mod">
          <ac:chgData name="Lubomír Fojtů" userId="629ab448-eb35-4954-b771-bccc02d8ff90" providerId="ADAL" clId="{995FE33D-D744-4C25-9F36-CFCEF7D5137C}" dt="2019-04-01T08:16:53.894" v="14484"/>
          <ac:spMkLst>
            <pc:docMk/>
            <pc:sldMk cId="938656710" sldId="258"/>
            <ac:spMk id="4103" creationId="{72FEC2D5-9DC3-4AD8-BF2E-69D10EB69946}"/>
          </ac:spMkLst>
        </pc:spChg>
        <pc:spChg chg="add del mod">
          <ac:chgData name="Lubomír Fojtů" userId="629ab448-eb35-4954-b771-bccc02d8ff90" providerId="ADAL" clId="{995FE33D-D744-4C25-9F36-CFCEF7D5137C}" dt="2019-04-01T08:16:53.894" v="14486"/>
          <ac:spMkLst>
            <pc:docMk/>
            <pc:sldMk cId="938656710" sldId="258"/>
            <ac:spMk id="4104" creationId="{1440DC20-B1CE-42F9-8F8B-5C0D1081E51C}"/>
          </ac:spMkLst>
        </pc:spChg>
        <pc:spChg chg="add del mod">
          <ac:chgData name="Lubomír Fojtů" userId="629ab448-eb35-4954-b771-bccc02d8ff90" providerId="ADAL" clId="{995FE33D-D744-4C25-9F36-CFCEF7D5137C}" dt="2019-04-01T08:16:53.910" v="14488"/>
          <ac:spMkLst>
            <pc:docMk/>
            <pc:sldMk cId="938656710" sldId="258"/>
            <ac:spMk id="4105" creationId="{A83F2638-E42A-4845-BDA5-DC3A4B207849}"/>
          </ac:spMkLst>
        </pc:spChg>
        <pc:spChg chg="add del mod">
          <ac:chgData name="Lubomír Fojtů" userId="629ab448-eb35-4954-b771-bccc02d8ff90" providerId="ADAL" clId="{995FE33D-D744-4C25-9F36-CFCEF7D5137C}" dt="2019-04-01T08:16:53.910" v="14490"/>
          <ac:spMkLst>
            <pc:docMk/>
            <pc:sldMk cId="938656710" sldId="258"/>
            <ac:spMk id="4106" creationId="{6E511A72-FDC8-4C01-82DD-06A99F34CBD0}"/>
          </ac:spMkLst>
        </pc:spChg>
        <pc:spChg chg="add del mod">
          <ac:chgData name="Lubomír Fojtů" userId="629ab448-eb35-4954-b771-bccc02d8ff90" providerId="ADAL" clId="{995FE33D-D744-4C25-9F36-CFCEF7D5137C}" dt="2019-04-01T08:16:53.910" v="14492"/>
          <ac:spMkLst>
            <pc:docMk/>
            <pc:sldMk cId="938656710" sldId="258"/>
            <ac:spMk id="4107" creationId="{CF556AA3-06E7-405D-BA19-E38ACB8D6966}"/>
          </ac:spMkLst>
        </pc:spChg>
        <pc:spChg chg="add del mod">
          <ac:chgData name="Lubomír Fojtů" userId="629ab448-eb35-4954-b771-bccc02d8ff90" providerId="ADAL" clId="{995FE33D-D744-4C25-9F36-CFCEF7D5137C}" dt="2019-04-01T08:16:53.910" v="14494"/>
          <ac:spMkLst>
            <pc:docMk/>
            <pc:sldMk cId="938656710" sldId="258"/>
            <ac:spMk id="4108" creationId="{12C688E9-4C7C-4C01-AD93-E70CDCCAF00E}"/>
          </ac:spMkLst>
        </pc:spChg>
        <pc:spChg chg="add del mod">
          <ac:chgData name="Lubomír Fojtů" userId="629ab448-eb35-4954-b771-bccc02d8ff90" providerId="ADAL" clId="{995FE33D-D744-4C25-9F36-CFCEF7D5137C}" dt="2019-04-01T08:16:53.910" v="14496"/>
          <ac:spMkLst>
            <pc:docMk/>
            <pc:sldMk cId="938656710" sldId="258"/>
            <ac:spMk id="4109" creationId="{87D26A39-753A-44DB-8272-C5D949116C89}"/>
          </ac:spMkLst>
        </pc:spChg>
        <pc:spChg chg="add del mod">
          <ac:chgData name="Lubomír Fojtů" userId="629ab448-eb35-4954-b771-bccc02d8ff90" providerId="ADAL" clId="{995FE33D-D744-4C25-9F36-CFCEF7D5137C}" dt="2019-04-01T08:16:53.910" v="14498"/>
          <ac:spMkLst>
            <pc:docMk/>
            <pc:sldMk cId="938656710" sldId="258"/>
            <ac:spMk id="4110" creationId="{4EC037D3-CA3D-4230-BEC4-279F7A8DC13A}"/>
          </ac:spMkLst>
        </pc:spChg>
        <pc:spChg chg="add del mod">
          <ac:chgData name="Lubomír Fojtů" userId="629ab448-eb35-4954-b771-bccc02d8ff90" providerId="ADAL" clId="{995FE33D-D744-4C25-9F36-CFCEF7D5137C}" dt="2019-04-01T08:16:53.910" v="14500"/>
          <ac:spMkLst>
            <pc:docMk/>
            <pc:sldMk cId="938656710" sldId="258"/>
            <ac:spMk id="4111" creationId="{B9DCA8E9-CD1E-4AE7-B017-95AEB0D66AFF}"/>
          </ac:spMkLst>
        </pc:spChg>
        <pc:spChg chg="add del mod">
          <ac:chgData name="Lubomír Fojtů" userId="629ab448-eb35-4954-b771-bccc02d8ff90" providerId="ADAL" clId="{995FE33D-D744-4C25-9F36-CFCEF7D5137C}" dt="2019-04-01T08:16:53.910" v="14502"/>
          <ac:spMkLst>
            <pc:docMk/>
            <pc:sldMk cId="938656710" sldId="258"/>
            <ac:spMk id="4112" creationId="{8AB80117-1A2A-404C-9686-7E0960F69D0D}"/>
          </ac:spMkLst>
        </pc:spChg>
        <pc:spChg chg="add del mod">
          <ac:chgData name="Lubomír Fojtů" userId="629ab448-eb35-4954-b771-bccc02d8ff90" providerId="ADAL" clId="{995FE33D-D744-4C25-9F36-CFCEF7D5137C}" dt="2019-04-01T08:16:53.910" v="14504"/>
          <ac:spMkLst>
            <pc:docMk/>
            <pc:sldMk cId="938656710" sldId="258"/>
            <ac:spMk id="4113" creationId="{B05EC3A6-DA77-4F3C-B9D4-41ADD6AD7021}"/>
          </ac:spMkLst>
        </pc:spChg>
        <pc:spChg chg="add del mod">
          <ac:chgData name="Lubomír Fojtů" userId="629ab448-eb35-4954-b771-bccc02d8ff90" providerId="ADAL" clId="{995FE33D-D744-4C25-9F36-CFCEF7D5137C}" dt="2019-04-01T08:16:53.910" v="14506"/>
          <ac:spMkLst>
            <pc:docMk/>
            <pc:sldMk cId="938656710" sldId="258"/>
            <ac:spMk id="4114" creationId="{D8DBACF1-0C53-45EE-A270-3BEB159B7718}"/>
          </ac:spMkLst>
        </pc:spChg>
        <pc:spChg chg="add del mod">
          <ac:chgData name="Lubomír Fojtů" userId="629ab448-eb35-4954-b771-bccc02d8ff90" providerId="ADAL" clId="{995FE33D-D744-4C25-9F36-CFCEF7D5137C}" dt="2019-04-01T08:16:53.910" v="14508"/>
          <ac:spMkLst>
            <pc:docMk/>
            <pc:sldMk cId="938656710" sldId="258"/>
            <ac:spMk id="4115" creationId="{567D8203-66B2-4023-AAED-099DDE767759}"/>
          </ac:spMkLst>
        </pc:spChg>
        <pc:spChg chg="add del mod">
          <ac:chgData name="Lubomír Fojtů" userId="629ab448-eb35-4954-b771-bccc02d8ff90" providerId="ADAL" clId="{995FE33D-D744-4C25-9F36-CFCEF7D5137C}" dt="2019-04-01T08:16:53.910" v="14510"/>
          <ac:spMkLst>
            <pc:docMk/>
            <pc:sldMk cId="938656710" sldId="258"/>
            <ac:spMk id="4116" creationId="{7128C665-42E2-472D-B64F-C721A12F2AB4}"/>
          </ac:spMkLst>
        </pc:spChg>
        <pc:spChg chg="add del mod">
          <ac:chgData name="Lubomír Fojtů" userId="629ab448-eb35-4954-b771-bccc02d8ff90" providerId="ADAL" clId="{995FE33D-D744-4C25-9F36-CFCEF7D5137C}" dt="2019-04-01T08:16:53.910" v="14512"/>
          <ac:spMkLst>
            <pc:docMk/>
            <pc:sldMk cId="938656710" sldId="258"/>
            <ac:spMk id="4117" creationId="{3A76EA93-FA6B-4638-8677-54EAD7DF9566}"/>
          </ac:spMkLst>
        </pc:spChg>
        <pc:spChg chg="add del mod">
          <ac:chgData name="Lubomír Fojtů" userId="629ab448-eb35-4954-b771-bccc02d8ff90" providerId="ADAL" clId="{995FE33D-D744-4C25-9F36-CFCEF7D5137C}" dt="2019-04-01T08:16:53.910" v="14514"/>
          <ac:spMkLst>
            <pc:docMk/>
            <pc:sldMk cId="938656710" sldId="258"/>
            <ac:spMk id="4118" creationId="{8D902464-6EEC-42FE-A1A2-CB2214A0B12C}"/>
          </ac:spMkLst>
        </pc:spChg>
        <pc:spChg chg="add del mod">
          <ac:chgData name="Lubomír Fojtů" userId="629ab448-eb35-4954-b771-bccc02d8ff90" providerId="ADAL" clId="{995FE33D-D744-4C25-9F36-CFCEF7D5137C}" dt="2019-04-01T08:16:53.910" v="14516"/>
          <ac:spMkLst>
            <pc:docMk/>
            <pc:sldMk cId="938656710" sldId="258"/>
            <ac:spMk id="4119" creationId="{CA280F74-20F8-45BF-8FBA-E6FB8F28B8A7}"/>
          </ac:spMkLst>
        </pc:spChg>
        <pc:spChg chg="add del mod">
          <ac:chgData name="Lubomír Fojtů" userId="629ab448-eb35-4954-b771-bccc02d8ff90" providerId="ADAL" clId="{995FE33D-D744-4C25-9F36-CFCEF7D5137C}" dt="2019-04-01T08:16:53.910" v="14518"/>
          <ac:spMkLst>
            <pc:docMk/>
            <pc:sldMk cId="938656710" sldId="258"/>
            <ac:spMk id="4120" creationId="{DE1B95DC-C3E5-478E-B2AD-BE1A80174323}"/>
          </ac:spMkLst>
        </pc:spChg>
        <pc:spChg chg="add del mod">
          <ac:chgData name="Lubomír Fojtů" userId="629ab448-eb35-4954-b771-bccc02d8ff90" providerId="ADAL" clId="{995FE33D-D744-4C25-9F36-CFCEF7D5137C}" dt="2019-04-01T08:16:53.910" v="14520"/>
          <ac:spMkLst>
            <pc:docMk/>
            <pc:sldMk cId="938656710" sldId="258"/>
            <ac:spMk id="4121" creationId="{79870293-B5B3-4E4E-977E-FFABD49D97F6}"/>
          </ac:spMkLst>
        </pc:spChg>
        <pc:spChg chg="add del mod">
          <ac:chgData name="Lubomír Fojtů" userId="629ab448-eb35-4954-b771-bccc02d8ff90" providerId="ADAL" clId="{995FE33D-D744-4C25-9F36-CFCEF7D5137C}" dt="2019-04-01T08:16:53.910" v="14522"/>
          <ac:spMkLst>
            <pc:docMk/>
            <pc:sldMk cId="938656710" sldId="258"/>
            <ac:spMk id="4122" creationId="{FA0C9924-6DB1-4136-B5F9-99F80579C4D3}"/>
          </ac:spMkLst>
        </pc:spChg>
        <pc:spChg chg="add del mod">
          <ac:chgData name="Lubomír Fojtů" userId="629ab448-eb35-4954-b771-bccc02d8ff90" providerId="ADAL" clId="{995FE33D-D744-4C25-9F36-CFCEF7D5137C}" dt="2019-04-01T08:16:53.910" v="14524"/>
          <ac:spMkLst>
            <pc:docMk/>
            <pc:sldMk cId="938656710" sldId="258"/>
            <ac:spMk id="4123" creationId="{7D351E51-7A0C-4A8B-94A8-F9E125772C26}"/>
          </ac:spMkLst>
        </pc:spChg>
        <pc:spChg chg="add del mod">
          <ac:chgData name="Lubomír Fojtů" userId="629ab448-eb35-4954-b771-bccc02d8ff90" providerId="ADAL" clId="{995FE33D-D744-4C25-9F36-CFCEF7D5137C}" dt="2019-04-01T08:16:53.910" v="14526"/>
          <ac:spMkLst>
            <pc:docMk/>
            <pc:sldMk cId="938656710" sldId="258"/>
            <ac:spMk id="4124" creationId="{7D05D17F-EFAD-4F8C-B937-C5445E876934}"/>
          </ac:spMkLst>
        </pc:spChg>
        <pc:spChg chg="add del mod">
          <ac:chgData name="Lubomír Fojtů" userId="629ab448-eb35-4954-b771-bccc02d8ff90" providerId="ADAL" clId="{995FE33D-D744-4C25-9F36-CFCEF7D5137C}" dt="2019-04-01T08:16:53.910" v="14528"/>
          <ac:spMkLst>
            <pc:docMk/>
            <pc:sldMk cId="938656710" sldId="258"/>
            <ac:spMk id="4125" creationId="{B5B863B0-9429-4097-8FAB-1EC05E69C9AB}"/>
          </ac:spMkLst>
        </pc:spChg>
        <pc:spChg chg="add del mod">
          <ac:chgData name="Lubomír Fojtů" userId="629ab448-eb35-4954-b771-bccc02d8ff90" providerId="ADAL" clId="{995FE33D-D744-4C25-9F36-CFCEF7D5137C}" dt="2019-04-01T08:16:53.910" v="14530"/>
          <ac:spMkLst>
            <pc:docMk/>
            <pc:sldMk cId="938656710" sldId="258"/>
            <ac:spMk id="4126" creationId="{C539A06B-3ECA-43C2-8EFC-26CFA76A0B45}"/>
          </ac:spMkLst>
        </pc:spChg>
        <pc:spChg chg="add del mod">
          <ac:chgData name="Lubomír Fojtů" userId="629ab448-eb35-4954-b771-bccc02d8ff90" providerId="ADAL" clId="{995FE33D-D744-4C25-9F36-CFCEF7D5137C}" dt="2019-04-01T08:16:53.926" v="14532"/>
          <ac:spMkLst>
            <pc:docMk/>
            <pc:sldMk cId="938656710" sldId="258"/>
            <ac:spMk id="4127" creationId="{D60CC28C-3B50-4C39-BE6B-99CFD3DAAA53}"/>
          </ac:spMkLst>
        </pc:spChg>
        <pc:spChg chg="add del mod">
          <ac:chgData name="Lubomír Fojtů" userId="629ab448-eb35-4954-b771-bccc02d8ff90" providerId="ADAL" clId="{995FE33D-D744-4C25-9F36-CFCEF7D5137C}" dt="2019-04-01T08:16:53.926" v="14534"/>
          <ac:spMkLst>
            <pc:docMk/>
            <pc:sldMk cId="938656710" sldId="258"/>
            <ac:spMk id="4128" creationId="{35E55D89-A841-4D13-BDA5-A3ACD8BBCD58}"/>
          </ac:spMkLst>
        </pc:spChg>
        <pc:spChg chg="add del mod">
          <ac:chgData name="Lubomír Fojtů" userId="629ab448-eb35-4954-b771-bccc02d8ff90" providerId="ADAL" clId="{995FE33D-D744-4C25-9F36-CFCEF7D5137C}" dt="2019-04-01T08:16:53.926" v="14536"/>
          <ac:spMkLst>
            <pc:docMk/>
            <pc:sldMk cId="938656710" sldId="258"/>
            <ac:spMk id="4129" creationId="{8DB59089-F915-442B-95E8-506668F81C6F}"/>
          </ac:spMkLst>
        </pc:spChg>
        <pc:spChg chg="add del mod">
          <ac:chgData name="Lubomír Fojtů" userId="629ab448-eb35-4954-b771-bccc02d8ff90" providerId="ADAL" clId="{995FE33D-D744-4C25-9F36-CFCEF7D5137C}" dt="2019-04-01T08:16:53.926" v="14538"/>
          <ac:spMkLst>
            <pc:docMk/>
            <pc:sldMk cId="938656710" sldId="258"/>
            <ac:spMk id="4130" creationId="{B797AD8C-62C7-4B0C-A547-F79914B97A97}"/>
          </ac:spMkLst>
        </pc:spChg>
        <pc:spChg chg="add del mod">
          <ac:chgData name="Lubomír Fojtů" userId="629ab448-eb35-4954-b771-bccc02d8ff90" providerId="ADAL" clId="{995FE33D-D744-4C25-9F36-CFCEF7D5137C}" dt="2019-04-01T08:16:53.926" v="14540"/>
          <ac:spMkLst>
            <pc:docMk/>
            <pc:sldMk cId="938656710" sldId="258"/>
            <ac:spMk id="4131" creationId="{9A2C3464-EF4A-443F-B6F1-442B3526181C}"/>
          </ac:spMkLst>
        </pc:spChg>
        <pc:spChg chg="add del mod">
          <ac:chgData name="Lubomír Fojtů" userId="629ab448-eb35-4954-b771-bccc02d8ff90" providerId="ADAL" clId="{995FE33D-D744-4C25-9F36-CFCEF7D5137C}" dt="2019-04-01T08:16:53.926" v="14542"/>
          <ac:spMkLst>
            <pc:docMk/>
            <pc:sldMk cId="938656710" sldId="258"/>
            <ac:spMk id="4132" creationId="{060B2AB2-E6BB-439B-8586-58AAD5BC8013}"/>
          </ac:spMkLst>
        </pc:spChg>
        <pc:spChg chg="add del mod">
          <ac:chgData name="Lubomír Fojtů" userId="629ab448-eb35-4954-b771-bccc02d8ff90" providerId="ADAL" clId="{995FE33D-D744-4C25-9F36-CFCEF7D5137C}" dt="2019-04-01T08:16:53.926" v="14544"/>
          <ac:spMkLst>
            <pc:docMk/>
            <pc:sldMk cId="938656710" sldId="258"/>
            <ac:spMk id="4133" creationId="{2E955D81-DDDC-410A-8F0B-3C52B4B74593}"/>
          </ac:spMkLst>
        </pc:spChg>
        <pc:spChg chg="add del mod">
          <ac:chgData name="Lubomír Fojtů" userId="629ab448-eb35-4954-b771-bccc02d8ff90" providerId="ADAL" clId="{995FE33D-D744-4C25-9F36-CFCEF7D5137C}" dt="2019-04-01T08:16:53.926" v="14546"/>
          <ac:spMkLst>
            <pc:docMk/>
            <pc:sldMk cId="938656710" sldId="258"/>
            <ac:spMk id="4134" creationId="{58B11038-C0EF-4A25-BCDE-579B51E85DEA}"/>
          </ac:spMkLst>
        </pc:spChg>
        <pc:spChg chg="add del mod">
          <ac:chgData name="Lubomír Fojtů" userId="629ab448-eb35-4954-b771-bccc02d8ff90" providerId="ADAL" clId="{995FE33D-D744-4C25-9F36-CFCEF7D5137C}" dt="2019-04-01T08:16:53.926" v="14548"/>
          <ac:spMkLst>
            <pc:docMk/>
            <pc:sldMk cId="938656710" sldId="258"/>
            <ac:spMk id="4135" creationId="{DE1FDA01-1E07-47B4-A94E-B3C31A1F554B}"/>
          </ac:spMkLst>
        </pc:spChg>
        <pc:spChg chg="add del mod">
          <ac:chgData name="Lubomír Fojtů" userId="629ab448-eb35-4954-b771-bccc02d8ff90" providerId="ADAL" clId="{995FE33D-D744-4C25-9F36-CFCEF7D5137C}" dt="2019-04-01T08:16:53.926" v="14550"/>
          <ac:spMkLst>
            <pc:docMk/>
            <pc:sldMk cId="938656710" sldId="258"/>
            <ac:spMk id="4136" creationId="{5034DFC3-03AA-49E9-B5AD-C842DEB2C5E0}"/>
          </ac:spMkLst>
        </pc:spChg>
        <pc:spChg chg="add del mod">
          <ac:chgData name="Lubomír Fojtů" userId="629ab448-eb35-4954-b771-bccc02d8ff90" providerId="ADAL" clId="{995FE33D-D744-4C25-9F36-CFCEF7D5137C}" dt="2019-04-01T08:16:53.926" v="14552"/>
          <ac:spMkLst>
            <pc:docMk/>
            <pc:sldMk cId="938656710" sldId="258"/>
            <ac:spMk id="4137" creationId="{97B1D409-1CF4-4CB2-AA51-FDB669A1D7B8}"/>
          </ac:spMkLst>
        </pc:spChg>
        <pc:spChg chg="add del mod">
          <ac:chgData name="Lubomír Fojtů" userId="629ab448-eb35-4954-b771-bccc02d8ff90" providerId="ADAL" clId="{995FE33D-D744-4C25-9F36-CFCEF7D5137C}" dt="2019-04-01T08:16:53.926" v="14554"/>
          <ac:spMkLst>
            <pc:docMk/>
            <pc:sldMk cId="938656710" sldId="258"/>
            <ac:spMk id="4138" creationId="{72EB5045-C3C9-43C0-8A35-77E2DBFEFFB1}"/>
          </ac:spMkLst>
        </pc:spChg>
        <pc:spChg chg="add del mod">
          <ac:chgData name="Lubomír Fojtů" userId="629ab448-eb35-4954-b771-bccc02d8ff90" providerId="ADAL" clId="{995FE33D-D744-4C25-9F36-CFCEF7D5137C}" dt="2019-04-01T08:16:53.926" v="14556"/>
          <ac:spMkLst>
            <pc:docMk/>
            <pc:sldMk cId="938656710" sldId="258"/>
            <ac:spMk id="4139" creationId="{3160F00A-A97C-4542-944B-698F7EFAD179}"/>
          </ac:spMkLst>
        </pc:spChg>
        <pc:spChg chg="add del mod">
          <ac:chgData name="Lubomír Fojtů" userId="629ab448-eb35-4954-b771-bccc02d8ff90" providerId="ADAL" clId="{995FE33D-D744-4C25-9F36-CFCEF7D5137C}" dt="2019-04-01T08:16:53.926" v="14558"/>
          <ac:spMkLst>
            <pc:docMk/>
            <pc:sldMk cId="938656710" sldId="258"/>
            <ac:spMk id="4140" creationId="{A78F95C0-6BBB-404D-94FF-3D88A488D4B9}"/>
          </ac:spMkLst>
        </pc:spChg>
        <pc:spChg chg="add del mod">
          <ac:chgData name="Lubomír Fojtů" userId="629ab448-eb35-4954-b771-bccc02d8ff90" providerId="ADAL" clId="{995FE33D-D744-4C25-9F36-CFCEF7D5137C}" dt="2019-04-01T08:16:53.926" v="14560"/>
          <ac:spMkLst>
            <pc:docMk/>
            <pc:sldMk cId="938656710" sldId="258"/>
            <ac:spMk id="4141" creationId="{1029ED26-25FD-43D1-865F-8E29A0CBF706}"/>
          </ac:spMkLst>
        </pc:spChg>
        <pc:spChg chg="add del mod">
          <ac:chgData name="Lubomír Fojtů" userId="629ab448-eb35-4954-b771-bccc02d8ff90" providerId="ADAL" clId="{995FE33D-D744-4C25-9F36-CFCEF7D5137C}" dt="2019-04-01T08:16:53.926" v="14562"/>
          <ac:spMkLst>
            <pc:docMk/>
            <pc:sldMk cId="938656710" sldId="258"/>
            <ac:spMk id="4142" creationId="{69CF79CE-7AC4-4536-A12E-31EEA3F77E08}"/>
          </ac:spMkLst>
        </pc:spChg>
        <pc:spChg chg="add del mod">
          <ac:chgData name="Lubomír Fojtů" userId="629ab448-eb35-4954-b771-bccc02d8ff90" providerId="ADAL" clId="{995FE33D-D744-4C25-9F36-CFCEF7D5137C}" dt="2019-04-01T08:16:53.926" v="14564"/>
          <ac:spMkLst>
            <pc:docMk/>
            <pc:sldMk cId="938656710" sldId="258"/>
            <ac:spMk id="4143" creationId="{52BD655F-7038-4BF2-9438-019055F1007C}"/>
          </ac:spMkLst>
        </pc:spChg>
        <pc:spChg chg="add del mod">
          <ac:chgData name="Lubomír Fojtů" userId="629ab448-eb35-4954-b771-bccc02d8ff90" providerId="ADAL" clId="{995FE33D-D744-4C25-9F36-CFCEF7D5137C}" dt="2019-04-01T08:16:53.926" v="14566"/>
          <ac:spMkLst>
            <pc:docMk/>
            <pc:sldMk cId="938656710" sldId="258"/>
            <ac:spMk id="4144" creationId="{3CDF3783-A4FA-4312-B8F1-86198D44D766}"/>
          </ac:spMkLst>
        </pc:spChg>
        <pc:spChg chg="add del mod">
          <ac:chgData name="Lubomír Fojtů" userId="629ab448-eb35-4954-b771-bccc02d8ff90" providerId="ADAL" clId="{995FE33D-D744-4C25-9F36-CFCEF7D5137C}" dt="2019-04-01T08:16:53.926" v="14568"/>
          <ac:spMkLst>
            <pc:docMk/>
            <pc:sldMk cId="938656710" sldId="258"/>
            <ac:spMk id="4145" creationId="{146944FD-AB87-4641-983D-184A2E04A738}"/>
          </ac:spMkLst>
        </pc:spChg>
        <pc:spChg chg="add del mod">
          <ac:chgData name="Lubomír Fojtů" userId="629ab448-eb35-4954-b771-bccc02d8ff90" providerId="ADAL" clId="{995FE33D-D744-4C25-9F36-CFCEF7D5137C}" dt="2019-04-01T08:16:53.926" v="14570"/>
          <ac:spMkLst>
            <pc:docMk/>
            <pc:sldMk cId="938656710" sldId="258"/>
            <ac:spMk id="4146" creationId="{398033B7-12E5-41F5-B7AD-D2780D83BA91}"/>
          </ac:spMkLst>
        </pc:spChg>
        <pc:spChg chg="add del mod">
          <ac:chgData name="Lubomír Fojtů" userId="629ab448-eb35-4954-b771-bccc02d8ff90" providerId="ADAL" clId="{995FE33D-D744-4C25-9F36-CFCEF7D5137C}" dt="2019-04-01T08:16:53.926" v="14572"/>
          <ac:spMkLst>
            <pc:docMk/>
            <pc:sldMk cId="938656710" sldId="258"/>
            <ac:spMk id="4147" creationId="{DE970135-4902-4810-9E26-BEC0E6357D37}"/>
          </ac:spMkLst>
        </pc:spChg>
        <pc:spChg chg="add del mod">
          <ac:chgData name="Lubomír Fojtů" userId="629ab448-eb35-4954-b771-bccc02d8ff90" providerId="ADAL" clId="{995FE33D-D744-4C25-9F36-CFCEF7D5137C}" dt="2019-04-01T08:16:53.926" v="14574"/>
          <ac:spMkLst>
            <pc:docMk/>
            <pc:sldMk cId="938656710" sldId="258"/>
            <ac:spMk id="4148" creationId="{E04FAF46-DA12-4D04-8DB1-4F0EF4EFE3FC}"/>
          </ac:spMkLst>
        </pc:spChg>
        <pc:spChg chg="add del mod">
          <ac:chgData name="Lubomír Fojtů" userId="629ab448-eb35-4954-b771-bccc02d8ff90" providerId="ADAL" clId="{995FE33D-D744-4C25-9F36-CFCEF7D5137C}" dt="2019-04-01T08:16:53.941" v="14576"/>
          <ac:spMkLst>
            <pc:docMk/>
            <pc:sldMk cId="938656710" sldId="258"/>
            <ac:spMk id="4149" creationId="{87C48872-BC8E-44BD-AC57-56B6E67EB127}"/>
          </ac:spMkLst>
        </pc:spChg>
        <pc:spChg chg="add del mod">
          <ac:chgData name="Lubomír Fojtů" userId="629ab448-eb35-4954-b771-bccc02d8ff90" providerId="ADAL" clId="{995FE33D-D744-4C25-9F36-CFCEF7D5137C}" dt="2019-04-01T08:16:53.941" v="14578"/>
          <ac:spMkLst>
            <pc:docMk/>
            <pc:sldMk cId="938656710" sldId="258"/>
            <ac:spMk id="4150" creationId="{24BBD65D-1E07-45F1-BDD1-68E6541550FE}"/>
          </ac:spMkLst>
        </pc:spChg>
        <pc:spChg chg="add del mod">
          <ac:chgData name="Lubomír Fojtů" userId="629ab448-eb35-4954-b771-bccc02d8ff90" providerId="ADAL" clId="{995FE33D-D744-4C25-9F36-CFCEF7D5137C}" dt="2019-04-01T08:16:53.941" v="14580"/>
          <ac:spMkLst>
            <pc:docMk/>
            <pc:sldMk cId="938656710" sldId="258"/>
            <ac:spMk id="4151" creationId="{F9E51C15-BFE6-4800-AC7E-1BB38D5B38F3}"/>
          </ac:spMkLst>
        </pc:spChg>
        <pc:spChg chg="add del mod">
          <ac:chgData name="Lubomír Fojtů" userId="629ab448-eb35-4954-b771-bccc02d8ff90" providerId="ADAL" clId="{995FE33D-D744-4C25-9F36-CFCEF7D5137C}" dt="2019-04-01T08:16:53.941" v="14582"/>
          <ac:spMkLst>
            <pc:docMk/>
            <pc:sldMk cId="938656710" sldId="258"/>
            <ac:spMk id="4152" creationId="{52B51953-2F33-4CD9-A818-5307690EBF29}"/>
          </ac:spMkLst>
        </pc:spChg>
        <pc:spChg chg="add del mod">
          <ac:chgData name="Lubomír Fojtů" userId="629ab448-eb35-4954-b771-bccc02d8ff90" providerId="ADAL" clId="{995FE33D-D744-4C25-9F36-CFCEF7D5137C}" dt="2019-04-01T08:16:53.941" v="14584"/>
          <ac:spMkLst>
            <pc:docMk/>
            <pc:sldMk cId="938656710" sldId="258"/>
            <ac:spMk id="4153" creationId="{0F510370-A77E-4313-BB82-3D1AFDD1C0F8}"/>
          </ac:spMkLst>
        </pc:spChg>
        <pc:spChg chg="add del mod">
          <ac:chgData name="Lubomír Fojtů" userId="629ab448-eb35-4954-b771-bccc02d8ff90" providerId="ADAL" clId="{995FE33D-D744-4C25-9F36-CFCEF7D5137C}" dt="2019-04-01T08:16:53.941" v="14586"/>
          <ac:spMkLst>
            <pc:docMk/>
            <pc:sldMk cId="938656710" sldId="258"/>
            <ac:spMk id="4154" creationId="{EA71C3E4-3D48-4779-8724-9F20E7791E77}"/>
          </ac:spMkLst>
        </pc:spChg>
        <pc:spChg chg="add del mod">
          <ac:chgData name="Lubomír Fojtů" userId="629ab448-eb35-4954-b771-bccc02d8ff90" providerId="ADAL" clId="{995FE33D-D744-4C25-9F36-CFCEF7D5137C}" dt="2019-04-01T08:16:53.941" v="14588"/>
          <ac:spMkLst>
            <pc:docMk/>
            <pc:sldMk cId="938656710" sldId="258"/>
            <ac:spMk id="4155" creationId="{2BF5F439-4815-4E27-8458-151490C793DB}"/>
          </ac:spMkLst>
        </pc:spChg>
        <pc:spChg chg="add del mod">
          <ac:chgData name="Lubomír Fojtů" userId="629ab448-eb35-4954-b771-bccc02d8ff90" providerId="ADAL" clId="{995FE33D-D744-4C25-9F36-CFCEF7D5137C}" dt="2019-04-01T08:16:53.941" v="14590"/>
          <ac:spMkLst>
            <pc:docMk/>
            <pc:sldMk cId="938656710" sldId="258"/>
            <ac:spMk id="4156" creationId="{F7333266-401C-49F3-BB94-6B02D1AE8098}"/>
          </ac:spMkLst>
        </pc:spChg>
        <pc:spChg chg="add del mod">
          <ac:chgData name="Lubomír Fojtů" userId="629ab448-eb35-4954-b771-bccc02d8ff90" providerId="ADAL" clId="{995FE33D-D744-4C25-9F36-CFCEF7D5137C}" dt="2019-04-01T08:16:53.941" v="14592"/>
          <ac:spMkLst>
            <pc:docMk/>
            <pc:sldMk cId="938656710" sldId="258"/>
            <ac:spMk id="4157" creationId="{52B480DE-6A83-41F1-A64D-DA5D1AF7F112}"/>
          </ac:spMkLst>
        </pc:spChg>
        <pc:spChg chg="add del mod">
          <ac:chgData name="Lubomír Fojtů" userId="629ab448-eb35-4954-b771-bccc02d8ff90" providerId="ADAL" clId="{995FE33D-D744-4C25-9F36-CFCEF7D5137C}" dt="2019-04-01T08:16:53.941" v="14594"/>
          <ac:spMkLst>
            <pc:docMk/>
            <pc:sldMk cId="938656710" sldId="258"/>
            <ac:spMk id="4158" creationId="{25D64949-DBF2-4C59-BBF2-31A424E4213F}"/>
          </ac:spMkLst>
        </pc:spChg>
        <pc:spChg chg="add del mod">
          <ac:chgData name="Lubomír Fojtů" userId="629ab448-eb35-4954-b771-bccc02d8ff90" providerId="ADAL" clId="{995FE33D-D744-4C25-9F36-CFCEF7D5137C}" dt="2019-04-01T08:16:53.941" v="14596"/>
          <ac:spMkLst>
            <pc:docMk/>
            <pc:sldMk cId="938656710" sldId="258"/>
            <ac:spMk id="4159" creationId="{7AAB8908-154D-4E40-9BFF-F607821F795F}"/>
          </ac:spMkLst>
        </pc:spChg>
        <pc:spChg chg="add del mod">
          <ac:chgData name="Lubomír Fojtů" userId="629ab448-eb35-4954-b771-bccc02d8ff90" providerId="ADAL" clId="{995FE33D-D744-4C25-9F36-CFCEF7D5137C}" dt="2019-04-01T08:16:53.941" v="14598"/>
          <ac:spMkLst>
            <pc:docMk/>
            <pc:sldMk cId="938656710" sldId="258"/>
            <ac:spMk id="4160" creationId="{67885DF2-692C-45D0-92B0-3412D906A801}"/>
          </ac:spMkLst>
        </pc:spChg>
        <pc:spChg chg="add del mod">
          <ac:chgData name="Lubomír Fojtů" userId="629ab448-eb35-4954-b771-bccc02d8ff90" providerId="ADAL" clId="{995FE33D-D744-4C25-9F36-CFCEF7D5137C}" dt="2019-04-01T08:16:53.941" v="14600"/>
          <ac:spMkLst>
            <pc:docMk/>
            <pc:sldMk cId="938656710" sldId="258"/>
            <ac:spMk id="4161" creationId="{9615CE1A-C68A-4410-8AB8-18BEB84F2169}"/>
          </ac:spMkLst>
        </pc:spChg>
        <pc:spChg chg="add del mod">
          <ac:chgData name="Lubomír Fojtů" userId="629ab448-eb35-4954-b771-bccc02d8ff90" providerId="ADAL" clId="{995FE33D-D744-4C25-9F36-CFCEF7D5137C}" dt="2019-04-01T08:16:53.941" v="14602"/>
          <ac:spMkLst>
            <pc:docMk/>
            <pc:sldMk cId="938656710" sldId="258"/>
            <ac:spMk id="4162" creationId="{EDEF6377-4DC2-44EE-B675-E1FDF621C06D}"/>
          </ac:spMkLst>
        </pc:spChg>
        <pc:spChg chg="add del mod">
          <ac:chgData name="Lubomír Fojtů" userId="629ab448-eb35-4954-b771-bccc02d8ff90" providerId="ADAL" clId="{995FE33D-D744-4C25-9F36-CFCEF7D5137C}" dt="2019-04-01T08:16:53.941" v="14604"/>
          <ac:spMkLst>
            <pc:docMk/>
            <pc:sldMk cId="938656710" sldId="258"/>
            <ac:spMk id="4163" creationId="{48B27BAE-5217-4D7E-AD04-099EABE58214}"/>
          </ac:spMkLst>
        </pc:spChg>
        <pc:spChg chg="add del mod">
          <ac:chgData name="Lubomír Fojtů" userId="629ab448-eb35-4954-b771-bccc02d8ff90" providerId="ADAL" clId="{995FE33D-D744-4C25-9F36-CFCEF7D5137C}" dt="2019-04-01T08:16:53.941" v="14606"/>
          <ac:spMkLst>
            <pc:docMk/>
            <pc:sldMk cId="938656710" sldId="258"/>
            <ac:spMk id="4164" creationId="{4ECB3F34-88A9-4193-97ED-D543A4399054}"/>
          </ac:spMkLst>
        </pc:spChg>
        <pc:spChg chg="add del mod">
          <ac:chgData name="Lubomír Fojtů" userId="629ab448-eb35-4954-b771-bccc02d8ff90" providerId="ADAL" clId="{995FE33D-D744-4C25-9F36-CFCEF7D5137C}" dt="2019-04-01T08:16:53.941" v="14608"/>
          <ac:spMkLst>
            <pc:docMk/>
            <pc:sldMk cId="938656710" sldId="258"/>
            <ac:spMk id="4165" creationId="{DC4FDD8E-BCB4-4679-B0D3-690F5991BE22}"/>
          </ac:spMkLst>
        </pc:spChg>
        <pc:spChg chg="add del mod">
          <ac:chgData name="Lubomír Fojtů" userId="629ab448-eb35-4954-b771-bccc02d8ff90" providerId="ADAL" clId="{995FE33D-D744-4C25-9F36-CFCEF7D5137C}" dt="2019-04-01T08:16:53.941" v="14610"/>
          <ac:spMkLst>
            <pc:docMk/>
            <pc:sldMk cId="938656710" sldId="258"/>
            <ac:spMk id="4166" creationId="{DF59D186-7596-4240-A8AF-01F34AF0DA61}"/>
          </ac:spMkLst>
        </pc:spChg>
        <pc:spChg chg="add del mod">
          <ac:chgData name="Lubomír Fojtů" userId="629ab448-eb35-4954-b771-bccc02d8ff90" providerId="ADAL" clId="{995FE33D-D744-4C25-9F36-CFCEF7D5137C}" dt="2019-04-01T08:16:53.941" v="14612"/>
          <ac:spMkLst>
            <pc:docMk/>
            <pc:sldMk cId="938656710" sldId="258"/>
            <ac:spMk id="4167" creationId="{E2CC2CCE-A74A-4D5C-A838-21AC7F848240}"/>
          </ac:spMkLst>
        </pc:spChg>
        <pc:spChg chg="add del mod">
          <ac:chgData name="Lubomír Fojtů" userId="629ab448-eb35-4954-b771-bccc02d8ff90" providerId="ADAL" clId="{995FE33D-D744-4C25-9F36-CFCEF7D5137C}" dt="2019-04-01T08:16:53.941" v="14614"/>
          <ac:spMkLst>
            <pc:docMk/>
            <pc:sldMk cId="938656710" sldId="258"/>
            <ac:spMk id="4168" creationId="{42210C03-13A6-496A-A5C9-6E857A70CDAB}"/>
          </ac:spMkLst>
        </pc:spChg>
        <pc:spChg chg="add del mod">
          <ac:chgData name="Lubomír Fojtů" userId="629ab448-eb35-4954-b771-bccc02d8ff90" providerId="ADAL" clId="{995FE33D-D744-4C25-9F36-CFCEF7D5137C}" dt="2019-04-01T08:16:53.941" v="14616"/>
          <ac:spMkLst>
            <pc:docMk/>
            <pc:sldMk cId="938656710" sldId="258"/>
            <ac:spMk id="4169" creationId="{6471C19F-A7EE-4E6F-B947-628CFA145884}"/>
          </ac:spMkLst>
        </pc:spChg>
        <pc:spChg chg="add del mod">
          <ac:chgData name="Lubomír Fojtů" userId="629ab448-eb35-4954-b771-bccc02d8ff90" providerId="ADAL" clId="{995FE33D-D744-4C25-9F36-CFCEF7D5137C}" dt="2019-04-01T08:16:53.941" v="14618"/>
          <ac:spMkLst>
            <pc:docMk/>
            <pc:sldMk cId="938656710" sldId="258"/>
            <ac:spMk id="4170" creationId="{E5BF872A-EF19-4D9F-88C4-56F60E16EA7D}"/>
          </ac:spMkLst>
        </pc:spChg>
        <pc:spChg chg="add del mod">
          <ac:chgData name="Lubomír Fojtů" userId="629ab448-eb35-4954-b771-bccc02d8ff90" providerId="ADAL" clId="{995FE33D-D744-4C25-9F36-CFCEF7D5137C}" dt="2019-04-01T08:16:53.957" v="14620"/>
          <ac:spMkLst>
            <pc:docMk/>
            <pc:sldMk cId="938656710" sldId="258"/>
            <ac:spMk id="4171" creationId="{92AF81CC-FC02-4530-B43C-1458725C4DD2}"/>
          </ac:spMkLst>
        </pc:spChg>
        <pc:spChg chg="add del mod">
          <ac:chgData name="Lubomír Fojtů" userId="629ab448-eb35-4954-b771-bccc02d8ff90" providerId="ADAL" clId="{995FE33D-D744-4C25-9F36-CFCEF7D5137C}" dt="2019-04-01T08:16:53.957" v="14622"/>
          <ac:spMkLst>
            <pc:docMk/>
            <pc:sldMk cId="938656710" sldId="258"/>
            <ac:spMk id="4172" creationId="{13078B42-8C00-487E-BC17-9E1451D1DB72}"/>
          </ac:spMkLst>
        </pc:spChg>
        <pc:spChg chg="add del mod">
          <ac:chgData name="Lubomír Fojtů" userId="629ab448-eb35-4954-b771-bccc02d8ff90" providerId="ADAL" clId="{995FE33D-D744-4C25-9F36-CFCEF7D5137C}" dt="2019-04-01T08:16:53.957" v="14624"/>
          <ac:spMkLst>
            <pc:docMk/>
            <pc:sldMk cId="938656710" sldId="258"/>
            <ac:spMk id="4173" creationId="{35724B9B-BD80-4DDD-A8DB-BD5FCA737F16}"/>
          </ac:spMkLst>
        </pc:spChg>
        <pc:spChg chg="add del mod">
          <ac:chgData name="Lubomír Fojtů" userId="629ab448-eb35-4954-b771-bccc02d8ff90" providerId="ADAL" clId="{995FE33D-D744-4C25-9F36-CFCEF7D5137C}" dt="2019-04-01T08:16:53.957" v="14626"/>
          <ac:spMkLst>
            <pc:docMk/>
            <pc:sldMk cId="938656710" sldId="258"/>
            <ac:spMk id="4174" creationId="{9CD8ED9C-3935-4182-B545-2EBAE7CD9616}"/>
          </ac:spMkLst>
        </pc:spChg>
        <pc:spChg chg="add del mod">
          <ac:chgData name="Lubomír Fojtů" userId="629ab448-eb35-4954-b771-bccc02d8ff90" providerId="ADAL" clId="{995FE33D-D744-4C25-9F36-CFCEF7D5137C}" dt="2019-04-01T08:16:53.957" v="14628"/>
          <ac:spMkLst>
            <pc:docMk/>
            <pc:sldMk cId="938656710" sldId="258"/>
            <ac:spMk id="4175" creationId="{F61711BB-5282-402E-B901-FED1219DFE19}"/>
          </ac:spMkLst>
        </pc:spChg>
        <pc:spChg chg="add del mod">
          <ac:chgData name="Lubomír Fojtů" userId="629ab448-eb35-4954-b771-bccc02d8ff90" providerId="ADAL" clId="{995FE33D-D744-4C25-9F36-CFCEF7D5137C}" dt="2019-04-01T08:16:53.957" v="14630"/>
          <ac:spMkLst>
            <pc:docMk/>
            <pc:sldMk cId="938656710" sldId="258"/>
            <ac:spMk id="4176" creationId="{8CF34C2F-53B0-4BA6-B62E-4B7BB121EB92}"/>
          </ac:spMkLst>
        </pc:spChg>
        <pc:spChg chg="add del mod">
          <ac:chgData name="Lubomír Fojtů" userId="629ab448-eb35-4954-b771-bccc02d8ff90" providerId="ADAL" clId="{995FE33D-D744-4C25-9F36-CFCEF7D5137C}" dt="2019-04-01T08:16:53.957" v="14632"/>
          <ac:spMkLst>
            <pc:docMk/>
            <pc:sldMk cId="938656710" sldId="258"/>
            <ac:spMk id="4177" creationId="{0E2A8A01-521C-4DB6-ABF3-BD6A9FFA2B4A}"/>
          </ac:spMkLst>
        </pc:spChg>
        <pc:spChg chg="add del mod">
          <ac:chgData name="Lubomír Fojtů" userId="629ab448-eb35-4954-b771-bccc02d8ff90" providerId="ADAL" clId="{995FE33D-D744-4C25-9F36-CFCEF7D5137C}" dt="2019-04-01T08:16:53.957" v="14634"/>
          <ac:spMkLst>
            <pc:docMk/>
            <pc:sldMk cId="938656710" sldId="258"/>
            <ac:spMk id="4178" creationId="{368593F6-2387-44B1-A3A1-97B5869E5A24}"/>
          </ac:spMkLst>
        </pc:spChg>
        <pc:spChg chg="add del mod">
          <ac:chgData name="Lubomír Fojtů" userId="629ab448-eb35-4954-b771-bccc02d8ff90" providerId="ADAL" clId="{995FE33D-D744-4C25-9F36-CFCEF7D5137C}" dt="2019-04-01T08:16:53.957" v="14636"/>
          <ac:spMkLst>
            <pc:docMk/>
            <pc:sldMk cId="938656710" sldId="258"/>
            <ac:spMk id="4179" creationId="{90C3B792-D256-44F6-A9BF-5433C43DE147}"/>
          </ac:spMkLst>
        </pc:spChg>
        <pc:spChg chg="add del mod">
          <ac:chgData name="Lubomír Fojtů" userId="629ab448-eb35-4954-b771-bccc02d8ff90" providerId="ADAL" clId="{995FE33D-D744-4C25-9F36-CFCEF7D5137C}" dt="2019-04-01T08:16:53.957" v="14638"/>
          <ac:spMkLst>
            <pc:docMk/>
            <pc:sldMk cId="938656710" sldId="258"/>
            <ac:spMk id="4180" creationId="{F251F936-1C5A-4B6A-9F12-7DBAEBAABE71}"/>
          </ac:spMkLst>
        </pc:spChg>
        <pc:spChg chg="add del mod">
          <ac:chgData name="Lubomír Fojtů" userId="629ab448-eb35-4954-b771-bccc02d8ff90" providerId="ADAL" clId="{995FE33D-D744-4C25-9F36-CFCEF7D5137C}" dt="2019-04-01T08:16:53.957" v="14640"/>
          <ac:spMkLst>
            <pc:docMk/>
            <pc:sldMk cId="938656710" sldId="258"/>
            <ac:spMk id="4181" creationId="{74EF7C2E-9B5C-4385-9C12-74E677CC500C}"/>
          </ac:spMkLst>
        </pc:spChg>
        <pc:spChg chg="add del mod">
          <ac:chgData name="Lubomír Fojtů" userId="629ab448-eb35-4954-b771-bccc02d8ff90" providerId="ADAL" clId="{995FE33D-D744-4C25-9F36-CFCEF7D5137C}" dt="2019-04-01T08:16:53.957" v="14642"/>
          <ac:spMkLst>
            <pc:docMk/>
            <pc:sldMk cId="938656710" sldId="258"/>
            <ac:spMk id="4182" creationId="{035C3DED-464A-4FE2-9C47-BAC730066677}"/>
          </ac:spMkLst>
        </pc:spChg>
        <pc:spChg chg="add del mod">
          <ac:chgData name="Lubomír Fojtů" userId="629ab448-eb35-4954-b771-bccc02d8ff90" providerId="ADAL" clId="{995FE33D-D744-4C25-9F36-CFCEF7D5137C}" dt="2019-04-01T08:16:53.957" v="14644"/>
          <ac:spMkLst>
            <pc:docMk/>
            <pc:sldMk cId="938656710" sldId="258"/>
            <ac:spMk id="4183" creationId="{68BE8044-298B-4618-9093-62510CEB65B4}"/>
          </ac:spMkLst>
        </pc:spChg>
        <pc:spChg chg="add del mod">
          <ac:chgData name="Lubomír Fojtů" userId="629ab448-eb35-4954-b771-bccc02d8ff90" providerId="ADAL" clId="{995FE33D-D744-4C25-9F36-CFCEF7D5137C}" dt="2019-04-01T08:16:53.957" v="14646"/>
          <ac:spMkLst>
            <pc:docMk/>
            <pc:sldMk cId="938656710" sldId="258"/>
            <ac:spMk id="4184" creationId="{849DACD9-E401-4DB7-BFDF-D0584499D010}"/>
          </ac:spMkLst>
        </pc:spChg>
        <pc:spChg chg="add del mod">
          <ac:chgData name="Lubomír Fojtů" userId="629ab448-eb35-4954-b771-bccc02d8ff90" providerId="ADAL" clId="{995FE33D-D744-4C25-9F36-CFCEF7D5137C}" dt="2019-04-01T08:16:53.957" v="14648"/>
          <ac:spMkLst>
            <pc:docMk/>
            <pc:sldMk cId="938656710" sldId="258"/>
            <ac:spMk id="4185" creationId="{97DAFB8A-D354-4573-A793-4B80E74A11D4}"/>
          </ac:spMkLst>
        </pc:spChg>
        <pc:spChg chg="add del mod">
          <ac:chgData name="Lubomír Fojtů" userId="629ab448-eb35-4954-b771-bccc02d8ff90" providerId="ADAL" clId="{995FE33D-D744-4C25-9F36-CFCEF7D5137C}" dt="2019-04-01T08:16:53.957" v="14650"/>
          <ac:spMkLst>
            <pc:docMk/>
            <pc:sldMk cId="938656710" sldId="258"/>
            <ac:spMk id="4186" creationId="{56CE4A00-0231-4470-B77A-2B771A91B29C}"/>
          </ac:spMkLst>
        </pc:spChg>
        <pc:spChg chg="add del mod">
          <ac:chgData name="Lubomír Fojtů" userId="629ab448-eb35-4954-b771-bccc02d8ff90" providerId="ADAL" clId="{995FE33D-D744-4C25-9F36-CFCEF7D5137C}" dt="2019-04-01T08:16:53.957" v="14652"/>
          <ac:spMkLst>
            <pc:docMk/>
            <pc:sldMk cId="938656710" sldId="258"/>
            <ac:spMk id="4187" creationId="{0C90BAB2-A426-4DA5-B55E-B951D8B8B819}"/>
          </ac:spMkLst>
        </pc:spChg>
        <pc:spChg chg="add del mod">
          <ac:chgData name="Lubomír Fojtů" userId="629ab448-eb35-4954-b771-bccc02d8ff90" providerId="ADAL" clId="{995FE33D-D744-4C25-9F36-CFCEF7D5137C}" dt="2019-04-01T08:16:53.957" v="14654"/>
          <ac:spMkLst>
            <pc:docMk/>
            <pc:sldMk cId="938656710" sldId="258"/>
            <ac:spMk id="4188" creationId="{B6B63269-7DB2-48EA-924F-BC0C8D14DFEE}"/>
          </ac:spMkLst>
        </pc:spChg>
        <pc:spChg chg="add del mod">
          <ac:chgData name="Lubomír Fojtů" userId="629ab448-eb35-4954-b771-bccc02d8ff90" providerId="ADAL" clId="{995FE33D-D744-4C25-9F36-CFCEF7D5137C}" dt="2019-04-01T08:16:53.957" v="14656"/>
          <ac:spMkLst>
            <pc:docMk/>
            <pc:sldMk cId="938656710" sldId="258"/>
            <ac:spMk id="4189" creationId="{F2A2ABA0-C660-4FBA-9A3C-B146ABB9176A}"/>
          </ac:spMkLst>
        </pc:spChg>
        <pc:spChg chg="add del mod">
          <ac:chgData name="Lubomír Fojtů" userId="629ab448-eb35-4954-b771-bccc02d8ff90" providerId="ADAL" clId="{995FE33D-D744-4C25-9F36-CFCEF7D5137C}" dt="2019-04-01T08:16:53.957" v="14658"/>
          <ac:spMkLst>
            <pc:docMk/>
            <pc:sldMk cId="938656710" sldId="258"/>
            <ac:spMk id="4190" creationId="{C24A2212-79D4-4CEC-A49D-B41A9076378F}"/>
          </ac:spMkLst>
        </pc:spChg>
        <pc:spChg chg="add del mod">
          <ac:chgData name="Lubomír Fojtů" userId="629ab448-eb35-4954-b771-bccc02d8ff90" providerId="ADAL" clId="{995FE33D-D744-4C25-9F36-CFCEF7D5137C}" dt="2019-04-01T08:16:53.957" v="14660"/>
          <ac:spMkLst>
            <pc:docMk/>
            <pc:sldMk cId="938656710" sldId="258"/>
            <ac:spMk id="4191" creationId="{A26C919F-A8BD-453C-9EAC-25806A6AC350}"/>
          </ac:spMkLst>
        </pc:spChg>
        <pc:spChg chg="add del mod">
          <ac:chgData name="Lubomír Fojtů" userId="629ab448-eb35-4954-b771-bccc02d8ff90" providerId="ADAL" clId="{995FE33D-D744-4C25-9F36-CFCEF7D5137C}" dt="2019-04-01T08:16:53.957" v="14662"/>
          <ac:spMkLst>
            <pc:docMk/>
            <pc:sldMk cId="938656710" sldId="258"/>
            <ac:spMk id="4192" creationId="{C4D9FE71-54E3-4528-AFCE-D2E9A217A81A}"/>
          </ac:spMkLst>
        </pc:spChg>
        <pc:spChg chg="add del mod">
          <ac:chgData name="Lubomír Fojtů" userId="629ab448-eb35-4954-b771-bccc02d8ff90" providerId="ADAL" clId="{995FE33D-D744-4C25-9F36-CFCEF7D5137C}" dt="2019-04-01T08:16:53.972" v="14664"/>
          <ac:spMkLst>
            <pc:docMk/>
            <pc:sldMk cId="938656710" sldId="258"/>
            <ac:spMk id="4193" creationId="{697507B2-F8EC-471D-B993-099C95700EF0}"/>
          </ac:spMkLst>
        </pc:spChg>
        <pc:spChg chg="add del mod">
          <ac:chgData name="Lubomír Fojtů" userId="629ab448-eb35-4954-b771-bccc02d8ff90" providerId="ADAL" clId="{995FE33D-D744-4C25-9F36-CFCEF7D5137C}" dt="2019-04-01T08:16:53.972" v="14666"/>
          <ac:spMkLst>
            <pc:docMk/>
            <pc:sldMk cId="938656710" sldId="258"/>
            <ac:spMk id="4194" creationId="{A47DB659-947E-4469-8EA2-E99870C4AD02}"/>
          </ac:spMkLst>
        </pc:spChg>
        <pc:spChg chg="add del mod">
          <ac:chgData name="Lubomír Fojtů" userId="629ab448-eb35-4954-b771-bccc02d8ff90" providerId="ADAL" clId="{995FE33D-D744-4C25-9F36-CFCEF7D5137C}" dt="2019-04-01T08:16:53.972" v="14668"/>
          <ac:spMkLst>
            <pc:docMk/>
            <pc:sldMk cId="938656710" sldId="258"/>
            <ac:spMk id="4195" creationId="{9AE4EA00-5373-4909-953E-7EC24F80EE95}"/>
          </ac:spMkLst>
        </pc:spChg>
        <pc:spChg chg="add del mod">
          <ac:chgData name="Lubomír Fojtů" userId="629ab448-eb35-4954-b771-bccc02d8ff90" providerId="ADAL" clId="{995FE33D-D744-4C25-9F36-CFCEF7D5137C}" dt="2019-04-01T08:16:53.972" v="14670"/>
          <ac:spMkLst>
            <pc:docMk/>
            <pc:sldMk cId="938656710" sldId="258"/>
            <ac:spMk id="4196" creationId="{628398D7-5914-43D7-B356-3C5383A46EFF}"/>
          </ac:spMkLst>
        </pc:spChg>
        <pc:spChg chg="add del mod">
          <ac:chgData name="Lubomír Fojtů" userId="629ab448-eb35-4954-b771-bccc02d8ff90" providerId="ADAL" clId="{995FE33D-D744-4C25-9F36-CFCEF7D5137C}" dt="2019-04-01T08:16:53.972" v="14672"/>
          <ac:spMkLst>
            <pc:docMk/>
            <pc:sldMk cId="938656710" sldId="258"/>
            <ac:spMk id="4197" creationId="{804DE2A7-0D30-473C-B505-DE0E3BF1EA2B}"/>
          </ac:spMkLst>
        </pc:spChg>
        <pc:spChg chg="add del mod">
          <ac:chgData name="Lubomír Fojtů" userId="629ab448-eb35-4954-b771-bccc02d8ff90" providerId="ADAL" clId="{995FE33D-D744-4C25-9F36-CFCEF7D5137C}" dt="2019-04-01T08:16:53.972" v="14674"/>
          <ac:spMkLst>
            <pc:docMk/>
            <pc:sldMk cId="938656710" sldId="258"/>
            <ac:spMk id="4198" creationId="{86B04584-8ADB-46DE-B634-236F52D1B25F}"/>
          </ac:spMkLst>
        </pc:spChg>
        <pc:spChg chg="add del mod">
          <ac:chgData name="Lubomír Fojtů" userId="629ab448-eb35-4954-b771-bccc02d8ff90" providerId="ADAL" clId="{995FE33D-D744-4C25-9F36-CFCEF7D5137C}" dt="2019-04-01T08:16:53.972" v="14676"/>
          <ac:spMkLst>
            <pc:docMk/>
            <pc:sldMk cId="938656710" sldId="258"/>
            <ac:spMk id="4199" creationId="{D24575F5-D772-46AF-9199-C597F3BEB289}"/>
          </ac:spMkLst>
        </pc:spChg>
        <pc:spChg chg="add del mod">
          <ac:chgData name="Lubomír Fojtů" userId="629ab448-eb35-4954-b771-bccc02d8ff90" providerId="ADAL" clId="{995FE33D-D744-4C25-9F36-CFCEF7D5137C}" dt="2019-04-01T08:16:53.972" v="14678"/>
          <ac:spMkLst>
            <pc:docMk/>
            <pc:sldMk cId="938656710" sldId="258"/>
            <ac:spMk id="4200" creationId="{41D1219E-1933-4897-A17C-FC5F0F7C339C}"/>
          </ac:spMkLst>
        </pc:spChg>
        <pc:spChg chg="add del mod">
          <ac:chgData name="Lubomír Fojtů" userId="629ab448-eb35-4954-b771-bccc02d8ff90" providerId="ADAL" clId="{995FE33D-D744-4C25-9F36-CFCEF7D5137C}" dt="2019-04-01T08:16:53.972" v="14680"/>
          <ac:spMkLst>
            <pc:docMk/>
            <pc:sldMk cId="938656710" sldId="258"/>
            <ac:spMk id="4201" creationId="{E2D95B1C-B6AF-434E-A53D-EFFD1FEBC1C9}"/>
          </ac:spMkLst>
        </pc:spChg>
        <pc:spChg chg="add del mod">
          <ac:chgData name="Lubomír Fojtů" userId="629ab448-eb35-4954-b771-bccc02d8ff90" providerId="ADAL" clId="{995FE33D-D744-4C25-9F36-CFCEF7D5137C}" dt="2019-04-01T08:16:53.972" v="14682"/>
          <ac:spMkLst>
            <pc:docMk/>
            <pc:sldMk cId="938656710" sldId="258"/>
            <ac:spMk id="4202" creationId="{B7C890E1-4CC9-4DCC-9C4C-D2C804B56D36}"/>
          </ac:spMkLst>
        </pc:spChg>
        <pc:spChg chg="add del mod">
          <ac:chgData name="Lubomír Fojtů" userId="629ab448-eb35-4954-b771-bccc02d8ff90" providerId="ADAL" clId="{995FE33D-D744-4C25-9F36-CFCEF7D5137C}" dt="2019-04-01T08:16:53.972" v="14684"/>
          <ac:spMkLst>
            <pc:docMk/>
            <pc:sldMk cId="938656710" sldId="258"/>
            <ac:spMk id="4203" creationId="{3CAB9ACC-6AB5-46E0-9FFD-8B93408BFF09}"/>
          </ac:spMkLst>
        </pc:spChg>
        <pc:spChg chg="add del mod">
          <ac:chgData name="Lubomír Fojtů" userId="629ab448-eb35-4954-b771-bccc02d8ff90" providerId="ADAL" clId="{995FE33D-D744-4C25-9F36-CFCEF7D5137C}" dt="2019-04-01T08:16:53.972" v="14686"/>
          <ac:spMkLst>
            <pc:docMk/>
            <pc:sldMk cId="938656710" sldId="258"/>
            <ac:spMk id="4204" creationId="{DCDC73B1-9C23-411D-823E-6418F7BAE753}"/>
          </ac:spMkLst>
        </pc:spChg>
        <pc:spChg chg="add del mod">
          <ac:chgData name="Lubomír Fojtů" userId="629ab448-eb35-4954-b771-bccc02d8ff90" providerId="ADAL" clId="{995FE33D-D744-4C25-9F36-CFCEF7D5137C}" dt="2019-04-01T08:16:53.972" v="14688"/>
          <ac:spMkLst>
            <pc:docMk/>
            <pc:sldMk cId="938656710" sldId="258"/>
            <ac:spMk id="4205" creationId="{8B368783-A85D-4203-B999-63424F09D464}"/>
          </ac:spMkLst>
        </pc:spChg>
        <pc:spChg chg="add del mod">
          <ac:chgData name="Lubomír Fojtů" userId="629ab448-eb35-4954-b771-bccc02d8ff90" providerId="ADAL" clId="{995FE33D-D744-4C25-9F36-CFCEF7D5137C}" dt="2019-04-01T08:16:53.972" v="14690"/>
          <ac:spMkLst>
            <pc:docMk/>
            <pc:sldMk cId="938656710" sldId="258"/>
            <ac:spMk id="4206" creationId="{AB8FCD1E-B2F8-4579-95CB-F6ABD446D6E3}"/>
          </ac:spMkLst>
        </pc:spChg>
        <pc:spChg chg="add del mod">
          <ac:chgData name="Lubomír Fojtů" userId="629ab448-eb35-4954-b771-bccc02d8ff90" providerId="ADAL" clId="{995FE33D-D744-4C25-9F36-CFCEF7D5137C}" dt="2019-04-01T08:16:53.972" v="14692"/>
          <ac:spMkLst>
            <pc:docMk/>
            <pc:sldMk cId="938656710" sldId="258"/>
            <ac:spMk id="4207" creationId="{BAC70CDC-86B0-4EA3-BA65-24D41FBDE9AE}"/>
          </ac:spMkLst>
        </pc:spChg>
        <pc:spChg chg="add del mod">
          <ac:chgData name="Lubomír Fojtů" userId="629ab448-eb35-4954-b771-bccc02d8ff90" providerId="ADAL" clId="{995FE33D-D744-4C25-9F36-CFCEF7D5137C}" dt="2019-04-01T08:16:53.972" v="14694"/>
          <ac:spMkLst>
            <pc:docMk/>
            <pc:sldMk cId="938656710" sldId="258"/>
            <ac:spMk id="4208" creationId="{2DAEEDC9-0254-4E8E-9043-2D68C1FBB9EA}"/>
          </ac:spMkLst>
        </pc:spChg>
        <pc:spChg chg="add del mod">
          <ac:chgData name="Lubomír Fojtů" userId="629ab448-eb35-4954-b771-bccc02d8ff90" providerId="ADAL" clId="{995FE33D-D744-4C25-9F36-CFCEF7D5137C}" dt="2019-04-01T08:16:53.972" v="14696"/>
          <ac:spMkLst>
            <pc:docMk/>
            <pc:sldMk cId="938656710" sldId="258"/>
            <ac:spMk id="4209" creationId="{5B549BE5-1C10-4A51-8F7B-B81879B5D1CC}"/>
          </ac:spMkLst>
        </pc:spChg>
        <pc:spChg chg="add del mod">
          <ac:chgData name="Lubomír Fojtů" userId="629ab448-eb35-4954-b771-bccc02d8ff90" providerId="ADAL" clId="{995FE33D-D744-4C25-9F36-CFCEF7D5137C}" dt="2019-04-01T08:16:53.972" v="14698"/>
          <ac:spMkLst>
            <pc:docMk/>
            <pc:sldMk cId="938656710" sldId="258"/>
            <ac:spMk id="4210" creationId="{9870F453-7FA5-4047-8665-029ADB90F745}"/>
          </ac:spMkLst>
        </pc:spChg>
        <pc:spChg chg="add del mod">
          <ac:chgData name="Lubomír Fojtů" userId="629ab448-eb35-4954-b771-bccc02d8ff90" providerId="ADAL" clId="{995FE33D-D744-4C25-9F36-CFCEF7D5137C}" dt="2019-04-01T08:16:53.972" v="14700"/>
          <ac:spMkLst>
            <pc:docMk/>
            <pc:sldMk cId="938656710" sldId="258"/>
            <ac:spMk id="4211" creationId="{08902BC6-2346-495F-B50C-42C7854BF1D1}"/>
          </ac:spMkLst>
        </pc:spChg>
        <pc:spChg chg="add del mod">
          <ac:chgData name="Lubomír Fojtů" userId="629ab448-eb35-4954-b771-bccc02d8ff90" providerId="ADAL" clId="{995FE33D-D744-4C25-9F36-CFCEF7D5137C}" dt="2019-04-01T08:16:53.972" v="14702"/>
          <ac:spMkLst>
            <pc:docMk/>
            <pc:sldMk cId="938656710" sldId="258"/>
            <ac:spMk id="4212" creationId="{9D33268B-1E4A-41D7-BA6B-086ED31F32D0}"/>
          </ac:spMkLst>
        </pc:spChg>
        <pc:spChg chg="add del mod">
          <ac:chgData name="Lubomír Fojtů" userId="629ab448-eb35-4954-b771-bccc02d8ff90" providerId="ADAL" clId="{995FE33D-D744-4C25-9F36-CFCEF7D5137C}" dt="2019-04-01T08:16:53.972" v="14704"/>
          <ac:spMkLst>
            <pc:docMk/>
            <pc:sldMk cId="938656710" sldId="258"/>
            <ac:spMk id="4213" creationId="{84306E48-C01D-4474-B74A-0E5D23E05037}"/>
          </ac:spMkLst>
        </pc:spChg>
        <pc:spChg chg="add del mod">
          <ac:chgData name="Lubomír Fojtů" userId="629ab448-eb35-4954-b771-bccc02d8ff90" providerId="ADAL" clId="{995FE33D-D744-4C25-9F36-CFCEF7D5137C}" dt="2019-04-01T08:16:53.972" v="14706"/>
          <ac:spMkLst>
            <pc:docMk/>
            <pc:sldMk cId="938656710" sldId="258"/>
            <ac:spMk id="4214" creationId="{C28B9382-917A-4BEA-82D8-33F0F3A41FC1}"/>
          </ac:spMkLst>
        </pc:spChg>
        <pc:spChg chg="add del mod">
          <ac:chgData name="Lubomír Fojtů" userId="629ab448-eb35-4954-b771-bccc02d8ff90" providerId="ADAL" clId="{995FE33D-D744-4C25-9F36-CFCEF7D5137C}" dt="2019-04-01T08:16:53.972" v="14708"/>
          <ac:spMkLst>
            <pc:docMk/>
            <pc:sldMk cId="938656710" sldId="258"/>
            <ac:spMk id="4215" creationId="{68508BEE-ED84-4E95-9CD8-C0E2AFE5B59A}"/>
          </ac:spMkLst>
        </pc:spChg>
        <pc:spChg chg="add del mod">
          <ac:chgData name="Lubomír Fojtů" userId="629ab448-eb35-4954-b771-bccc02d8ff90" providerId="ADAL" clId="{995FE33D-D744-4C25-9F36-CFCEF7D5137C}" dt="2019-04-01T08:16:53.988" v="14710"/>
          <ac:spMkLst>
            <pc:docMk/>
            <pc:sldMk cId="938656710" sldId="258"/>
            <ac:spMk id="4216" creationId="{CF9A8BAF-A61D-418F-964B-870EE39C0159}"/>
          </ac:spMkLst>
        </pc:spChg>
        <pc:spChg chg="add del mod">
          <ac:chgData name="Lubomír Fojtů" userId="629ab448-eb35-4954-b771-bccc02d8ff90" providerId="ADAL" clId="{995FE33D-D744-4C25-9F36-CFCEF7D5137C}" dt="2019-04-01T08:16:53.988" v="14712"/>
          <ac:spMkLst>
            <pc:docMk/>
            <pc:sldMk cId="938656710" sldId="258"/>
            <ac:spMk id="4217" creationId="{0D9E4047-CD2A-4438-A0EC-A7C9D1087BF3}"/>
          </ac:spMkLst>
        </pc:spChg>
        <pc:spChg chg="add del mod">
          <ac:chgData name="Lubomír Fojtů" userId="629ab448-eb35-4954-b771-bccc02d8ff90" providerId="ADAL" clId="{995FE33D-D744-4C25-9F36-CFCEF7D5137C}" dt="2019-04-01T08:16:53.988" v="14714"/>
          <ac:spMkLst>
            <pc:docMk/>
            <pc:sldMk cId="938656710" sldId="258"/>
            <ac:spMk id="4218" creationId="{29A65079-ECA1-4698-B831-81AB0ACFCD2C}"/>
          </ac:spMkLst>
        </pc:spChg>
        <pc:spChg chg="add del mod">
          <ac:chgData name="Lubomír Fojtů" userId="629ab448-eb35-4954-b771-bccc02d8ff90" providerId="ADAL" clId="{995FE33D-D744-4C25-9F36-CFCEF7D5137C}" dt="2019-04-01T08:16:53.988" v="14716"/>
          <ac:spMkLst>
            <pc:docMk/>
            <pc:sldMk cId="938656710" sldId="258"/>
            <ac:spMk id="4219" creationId="{C8D2867D-F137-4413-9D44-3074D0E9BCCE}"/>
          </ac:spMkLst>
        </pc:spChg>
        <pc:spChg chg="add del mod">
          <ac:chgData name="Lubomír Fojtů" userId="629ab448-eb35-4954-b771-bccc02d8ff90" providerId="ADAL" clId="{995FE33D-D744-4C25-9F36-CFCEF7D5137C}" dt="2019-04-01T08:16:53.988" v="14718"/>
          <ac:spMkLst>
            <pc:docMk/>
            <pc:sldMk cId="938656710" sldId="258"/>
            <ac:spMk id="4220" creationId="{E826C969-07DF-4052-9DC2-C44BC8D17FF8}"/>
          </ac:spMkLst>
        </pc:spChg>
        <pc:spChg chg="add del mod">
          <ac:chgData name="Lubomír Fojtů" userId="629ab448-eb35-4954-b771-bccc02d8ff90" providerId="ADAL" clId="{995FE33D-D744-4C25-9F36-CFCEF7D5137C}" dt="2019-04-01T08:16:53.988" v="14720"/>
          <ac:spMkLst>
            <pc:docMk/>
            <pc:sldMk cId="938656710" sldId="258"/>
            <ac:spMk id="4221" creationId="{49FE22A5-EC4B-4217-B811-E796054D979C}"/>
          </ac:spMkLst>
        </pc:spChg>
        <pc:spChg chg="add del mod">
          <ac:chgData name="Lubomír Fojtů" userId="629ab448-eb35-4954-b771-bccc02d8ff90" providerId="ADAL" clId="{995FE33D-D744-4C25-9F36-CFCEF7D5137C}" dt="2019-04-01T08:16:53.988" v="14722"/>
          <ac:spMkLst>
            <pc:docMk/>
            <pc:sldMk cId="938656710" sldId="258"/>
            <ac:spMk id="4222" creationId="{725A352B-B786-4376-941C-0C03EE67EC19}"/>
          </ac:spMkLst>
        </pc:spChg>
        <pc:spChg chg="add del mod">
          <ac:chgData name="Lubomír Fojtů" userId="629ab448-eb35-4954-b771-bccc02d8ff90" providerId="ADAL" clId="{995FE33D-D744-4C25-9F36-CFCEF7D5137C}" dt="2019-04-01T08:16:53.988" v="14724"/>
          <ac:spMkLst>
            <pc:docMk/>
            <pc:sldMk cId="938656710" sldId="258"/>
            <ac:spMk id="4223" creationId="{DA51BD5F-9BDC-4243-883D-0ECE234CBCCC}"/>
          </ac:spMkLst>
        </pc:spChg>
        <pc:spChg chg="add del mod">
          <ac:chgData name="Lubomír Fojtů" userId="629ab448-eb35-4954-b771-bccc02d8ff90" providerId="ADAL" clId="{995FE33D-D744-4C25-9F36-CFCEF7D5137C}" dt="2019-04-01T08:16:53.988" v="14726"/>
          <ac:spMkLst>
            <pc:docMk/>
            <pc:sldMk cId="938656710" sldId="258"/>
            <ac:spMk id="4224" creationId="{E728AFAB-3821-49C2-908E-4CBE10989B17}"/>
          </ac:spMkLst>
        </pc:spChg>
        <pc:spChg chg="add del mod">
          <ac:chgData name="Lubomír Fojtů" userId="629ab448-eb35-4954-b771-bccc02d8ff90" providerId="ADAL" clId="{995FE33D-D744-4C25-9F36-CFCEF7D5137C}" dt="2019-04-01T08:16:53.988" v="14728"/>
          <ac:spMkLst>
            <pc:docMk/>
            <pc:sldMk cId="938656710" sldId="258"/>
            <ac:spMk id="4225" creationId="{32E1470C-F2DF-4747-9570-9DEDDCEDEA8E}"/>
          </ac:spMkLst>
        </pc:spChg>
        <pc:spChg chg="add del mod">
          <ac:chgData name="Lubomír Fojtů" userId="629ab448-eb35-4954-b771-bccc02d8ff90" providerId="ADAL" clId="{995FE33D-D744-4C25-9F36-CFCEF7D5137C}" dt="2019-04-01T08:16:53.988" v="14730"/>
          <ac:spMkLst>
            <pc:docMk/>
            <pc:sldMk cId="938656710" sldId="258"/>
            <ac:spMk id="4226" creationId="{B8FBDF20-18A3-46F1-8F34-B958FF9C06C0}"/>
          </ac:spMkLst>
        </pc:spChg>
        <pc:spChg chg="add del mod">
          <ac:chgData name="Lubomír Fojtů" userId="629ab448-eb35-4954-b771-bccc02d8ff90" providerId="ADAL" clId="{995FE33D-D744-4C25-9F36-CFCEF7D5137C}" dt="2019-04-01T08:16:53.988" v="14732"/>
          <ac:spMkLst>
            <pc:docMk/>
            <pc:sldMk cId="938656710" sldId="258"/>
            <ac:spMk id="4227" creationId="{47214E10-0280-4F60-976B-B1AF8D2B7F25}"/>
          </ac:spMkLst>
        </pc:spChg>
        <pc:spChg chg="add del mod">
          <ac:chgData name="Lubomír Fojtů" userId="629ab448-eb35-4954-b771-bccc02d8ff90" providerId="ADAL" clId="{995FE33D-D744-4C25-9F36-CFCEF7D5137C}" dt="2019-04-01T08:16:53.988" v="14734"/>
          <ac:spMkLst>
            <pc:docMk/>
            <pc:sldMk cId="938656710" sldId="258"/>
            <ac:spMk id="4228" creationId="{9EE2B06A-5DD0-4822-8C23-6EFF51B55454}"/>
          </ac:spMkLst>
        </pc:spChg>
        <pc:spChg chg="add del mod">
          <ac:chgData name="Lubomír Fojtů" userId="629ab448-eb35-4954-b771-bccc02d8ff90" providerId="ADAL" clId="{995FE33D-D744-4C25-9F36-CFCEF7D5137C}" dt="2019-04-01T08:16:53.988" v="14736"/>
          <ac:spMkLst>
            <pc:docMk/>
            <pc:sldMk cId="938656710" sldId="258"/>
            <ac:spMk id="4229" creationId="{CCE7B49A-ADA8-4379-B2E3-96F0417BD3AB}"/>
          </ac:spMkLst>
        </pc:spChg>
        <pc:spChg chg="add del mod">
          <ac:chgData name="Lubomír Fojtů" userId="629ab448-eb35-4954-b771-bccc02d8ff90" providerId="ADAL" clId="{995FE33D-D744-4C25-9F36-CFCEF7D5137C}" dt="2019-04-01T08:16:53.988" v="14738"/>
          <ac:spMkLst>
            <pc:docMk/>
            <pc:sldMk cId="938656710" sldId="258"/>
            <ac:spMk id="4230" creationId="{E0022CE8-01FF-4800-B0C3-979531B78FFB}"/>
          </ac:spMkLst>
        </pc:spChg>
        <pc:spChg chg="add del mod">
          <ac:chgData name="Lubomír Fojtů" userId="629ab448-eb35-4954-b771-bccc02d8ff90" providerId="ADAL" clId="{995FE33D-D744-4C25-9F36-CFCEF7D5137C}" dt="2019-04-01T08:16:53.988" v="14740"/>
          <ac:spMkLst>
            <pc:docMk/>
            <pc:sldMk cId="938656710" sldId="258"/>
            <ac:spMk id="4231" creationId="{C48358E5-373B-4E3F-B71F-23D30614D54A}"/>
          </ac:spMkLst>
        </pc:spChg>
        <pc:spChg chg="add del mod">
          <ac:chgData name="Lubomír Fojtů" userId="629ab448-eb35-4954-b771-bccc02d8ff90" providerId="ADAL" clId="{995FE33D-D744-4C25-9F36-CFCEF7D5137C}" dt="2019-04-01T08:16:53.988" v="14742"/>
          <ac:spMkLst>
            <pc:docMk/>
            <pc:sldMk cId="938656710" sldId="258"/>
            <ac:spMk id="4232" creationId="{B64A6A35-D12B-4CA1-992A-88A5A6B3DDE2}"/>
          </ac:spMkLst>
        </pc:spChg>
        <pc:spChg chg="add del mod">
          <ac:chgData name="Lubomír Fojtů" userId="629ab448-eb35-4954-b771-bccc02d8ff90" providerId="ADAL" clId="{995FE33D-D744-4C25-9F36-CFCEF7D5137C}" dt="2019-04-01T08:16:53.988" v="14744"/>
          <ac:spMkLst>
            <pc:docMk/>
            <pc:sldMk cId="938656710" sldId="258"/>
            <ac:spMk id="4233" creationId="{A4185B77-68A1-49E4-8E58-23857C7DB4DB}"/>
          </ac:spMkLst>
        </pc:spChg>
        <pc:spChg chg="add del mod">
          <ac:chgData name="Lubomír Fojtů" userId="629ab448-eb35-4954-b771-bccc02d8ff90" providerId="ADAL" clId="{995FE33D-D744-4C25-9F36-CFCEF7D5137C}" dt="2019-04-01T08:16:53.988" v="14746"/>
          <ac:spMkLst>
            <pc:docMk/>
            <pc:sldMk cId="938656710" sldId="258"/>
            <ac:spMk id="4234" creationId="{7A3182F8-11E7-4A51-A25F-9BEFE9AF858E}"/>
          </ac:spMkLst>
        </pc:spChg>
        <pc:spChg chg="add del mod">
          <ac:chgData name="Lubomír Fojtů" userId="629ab448-eb35-4954-b771-bccc02d8ff90" providerId="ADAL" clId="{995FE33D-D744-4C25-9F36-CFCEF7D5137C}" dt="2019-04-01T08:16:53.988" v="14748"/>
          <ac:spMkLst>
            <pc:docMk/>
            <pc:sldMk cId="938656710" sldId="258"/>
            <ac:spMk id="4235" creationId="{E4B05DC2-B3E2-45D9-84CF-97CCC842057C}"/>
          </ac:spMkLst>
        </pc:spChg>
        <pc:spChg chg="add del mod">
          <ac:chgData name="Lubomír Fojtů" userId="629ab448-eb35-4954-b771-bccc02d8ff90" providerId="ADAL" clId="{995FE33D-D744-4C25-9F36-CFCEF7D5137C}" dt="2019-04-01T08:16:53.988" v="14750"/>
          <ac:spMkLst>
            <pc:docMk/>
            <pc:sldMk cId="938656710" sldId="258"/>
            <ac:spMk id="4236" creationId="{14C18CE7-5A43-4FDF-8115-7AFF1378102E}"/>
          </ac:spMkLst>
        </pc:spChg>
        <pc:spChg chg="add del mod">
          <ac:chgData name="Lubomír Fojtů" userId="629ab448-eb35-4954-b771-bccc02d8ff90" providerId="ADAL" clId="{995FE33D-D744-4C25-9F36-CFCEF7D5137C}" dt="2019-04-01T08:16:54.004" v="14752"/>
          <ac:spMkLst>
            <pc:docMk/>
            <pc:sldMk cId="938656710" sldId="258"/>
            <ac:spMk id="4237" creationId="{4B02BA66-F828-45DC-BBF4-45A2AA998808}"/>
          </ac:spMkLst>
        </pc:spChg>
        <pc:spChg chg="add del mod">
          <ac:chgData name="Lubomír Fojtů" userId="629ab448-eb35-4954-b771-bccc02d8ff90" providerId="ADAL" clId="{995FE33D-D744-4C25-9F36-CFCEF7D5137C}" dt="2019-04-01T08:16:54.004" v="14754"/>
          <ac:spMkLst>
            <pc:docMk/>
            <pc:sldMk cId="938656710" sldId="258"/>
            <ac:spMk id="4238" creationId="{16AADE06-60E6-4DB1-BEF1-5A473D0117EC}"/>
          </ac:spMkLst>
        </pc:spChg>
        <pc:spChg chg="add del mod">
          <ac:chgData name="Lubomír Fojtů" userId="629ab448-eb35-4954-b771-bccc02d8ff90" providerId="ADAL" clId="{995FE33D-D744-4C25-9F36-CFCEF7D5137C}" dt="2019-04-01T08:16:54.004" v="14756"/>
          <ac:spMkLst>
            <pc:docMk/>
            <pc:sldMk cId="938656710" sldId="258"/>
            <ac:spMk id="4239" creationId="{8390C0E8-76C3-48EC-828A-3E624C711B75}"/>
          </ac:spMkLst>
        </pc:spChg>
        <pc:spChg chg="add del mod">
          <ac:chgData name="Lubomír Fojtů" userId="629ab448-eb35-4954-b771-bccc02d8ff90" providerId="ADAL" clId="{995FE33D-D744-4C25-9F36-CFCEF7D5137C}" dt="2019-04-01T08:16:54.004" v="14758"/>
          <ac:spMkLst>
            <pc:docMk/>
            <pc:sldMk cId="938656710" sldId="258"/>
            <ac:spMk id="4240" creationId="{02AA8D63-A0A5-4E9E-8DC4-7D8ACA44A24B}"/>
          </ac:spMkLst>
        </pc:spChg>
        <pc:spChg chg="add del mod">
          <ac:chgData name="Lubomír Fojtů" userId="629ab448-eb35-4954-b771-bccc02d8ff90" providerId="ADAL" clId="{995FE33D-D744-4C25-9F36-CFCEF7D5137C}" dt="2019-04-01T08:16:54.004" v="14760"/>
          <ac:spMkLst>
            <pc:docMk/>
            <pc:sldMk cId="938656710" sldId="258"/>
            <ac:spMk id="4241" creationId="{3A8CF1BA-CC0D-40AA-8644-748EDF316848}"/>
          </ac:spMkLst>
        </pc:spChg>
        <pc:spChg chg="add del mod">
          <ac:chgData name="Lubomír Fojtů" userId="629ab448-eb35-4954-b771-bccc02d8ff90" providerId="ADAL" clId="{995FE33D-D744-4C25-9F36-CFCEF7D5137C}" dt="2019-04-01T08:16:54.004" v="14762"/>
          <ac:spMkLst>
            <pc:docMk/>
            <pc:sldMk cId="938656710" sldId="258"/>
            <ac:spMk id="4242" creationId="{08FE7A7B-6685-4155-A7C3-5ED2D67FAD41}"/>
          </ac:spMkLst>
        </pc:spChg>
        <pc:spChg chg="add del mod">
          <ac:chgData name="Lubomír Fojtů" userId="629ab448-eb35-4954-b771-bccc02d8ff90" providerId="ADAL" clId="{995FE33D-D744-4C25-9F36-CFCEF7D5137C}" dt="2019-04-01T08:16:54.004" v="14764"/>
          <ac:spMkLst>
            <pc:docMk/>
            <pc:sldMk cId="938656710" sldId="258"/>
            <ac:spMk id="4243" creationId="{BA942166-4333-4073-829E-208A305FFB77}"/>
          </ac:spMkLst>
        </pc:spChg>
        <pc:spChg chg="add del mod">
          <ac:chgData name="Lubomír Fojtů" userId="629ab448-eb35-4954-b771-bccc02d8ff90" providerId="ADAL" clId="{995FE33D-D744-4C25-9F36-CFCEF7D5137C}" dt="2019-04-01T08:16:54.004" v="14766"/>
          <ac:spMkLst>
            <pc:docMk/>
            <pc:sldMk cId="938656710" sldId="258"/>
            <ac:spMk id="4244" creationId="{4FE8ABCA-D612-4C9C-A463-86EA0EA86927}"/>
          </ac:spMkLst>
        </pc:spChg>
        <pc:spChg chg="add del mod">
          <ac:chgData name="Lubomír Fojtů" userId="629ab448-eb35-4954-b771-bccc02d8ff90" providerId="ADAL" clId="{995FE33D-D744-4C25-9F36-CFCEF7D5137C}" dt="2019-04-01T08:16:54.004" v="14768"/>
          <ac:spMkLst>
            <pc:docMk/>
            <pc:sldMk cId="938656710" sldId="258"/>
            <ac:spMk id="4245" creationId="{366F3E5F-7D84-4DD0-90BF-7A38DDF02DCB}"/>
          </ac:spMkLst>
        </pc:spChg>
        <pc:spChg chg="add del mod">
          <ac:chgData name="Lubomír Fojtů" userId="629ab448-eb35-4954-b771-bccc02d8ff90" providerId="ADAL" clId="{995FE33D-D744-4C25-9F36-CFCEF7D5137C}" dt="2019-04-01T08:16:54.004" v="14770"/>
          <ac:spMkLst>
            <pc:docMk/>
            <pc:sldMk cId="938656710" sldId="258"/>
            <ac:spMk id="4246" creationId="{46C24FCA-C766-40E5-A21F-1CD7CEE2C4F0}"/>
          </ac:spMkLst>
        </pc:spChg>
        <pc:spChg chg="add del mod">
          <ac:chgData name="Lubomír Fojtů" userId="629ab448-eb35-4954-b771-bccc02d8ff90" providerId="ADAL" clId="{995FE33D-D744-4C25-9F36-CFCEF7D5137C}" dt="2019-04-01T08:16:54.004" v="14772"/>
          <ac:spMkLst>
            <pc:docMk/>
            <pc:sldMk cId="938656710" sldId="258"/>
            <ac:spMk id="4247" creationId="{DD5A4284-26BA-4219-BC83-B7B00CC47421}"/>
          </ac:spMkLst>
        </pc:spChg>
        <pc:spChg chg="add del mod">
          <ac:chgData name="Lubomír Fojtů" userId="629ab448-eb35-4954-b771-bccc02d8ff90" providerId="ADAL" clId="{995FE33D-D744-4C25-9F36-CFCEF7D5137C}" dt="2019-04-01T08:16:54.004" v="14774"/>
          <ac:spMkLst>
            <pc:docMk/>
            <pc:sldMk cId="938656710" sldId="258"/>
            <ac:spMk id="4248" creationId="{8BDD70D3-ED90-4F7A-A049-CFCBA83A6842}"/>
          </ac:spMkLst>
        </pc:spChg>
        <pc:spChg chg="add del mod">
          <ac:chgData name="Lubomír Fojtů" userId="629ab448-eb35-4954-b771-bccc02d8ff90" providerId="ADAL" clId="{995FE33D-D744-4C25-9F36-CFCEF7D5137C}" dt="2019-04-01T08:16:54.004" v="14776"/>
          <ac:spMkLst>
            <pc:docMk/>
            <pc:sldMk cId="938656710" sldId="258"/>
            <ac:spMk id="4249" creationId="{7FD6BD57-C208-47B7-91D8-4E920B76D8E4}"/>
          </ac:spMkLst>
        </pc:spChg>
        <pc:spChg chg="add del mod">
          <ac:chgData name="Lubomír Fojtů" userId="629ab448-eb35-4954-b771-bccc02d8ff90" providerId="ADAL" clId="{995FE33D-D744-4C25-9F36-CFCEF7D5137C}" dt="2019-04-01T08:16:54.004" v="14778"/>
          <ac:spMkLst>
            <pc:docMk/>
            <pc:sldMk cId="938656710" sldId="258"/>
            <ac:spMk id="4250" creationId="{F3A980C6-EB55-44A7-BF25-8F99B9C37DEF}"/>
          </ac:spMkLst>
        </pc:spChg>
        <pc:spChg chg="add del mod">
          <ac:chgData name="Lubomír Fojtů" userId="629ab448-eb35-4954-b771-bccc02d8ff90" providerId="ADAL" clId="{995FE33D-D744-4C25-9F36-CFCEF7D5137C}" dt="2019-04-01T08:16:54.004" v="14780"/>
          <ac:spMkLst>
            <pc:docMk/>
            <pc:sldMk cId="938656710" sldId="258"/>
            <ac:spMk id="4251" creationId="{F5BB0CE1-1A77-44A6-9767-D16309CBD1B6}"/>
          </ac:spMkLst>
        </pc:spChg>
        <pc:spChg chg="add mod">
          <ac:chgData name="Lubomír Fojtů" userId="629ab448-eb35-4954-b771-bccc02d8ff90" providerId="ADAL" clId="{995FE33D-D744-4C25-9F36-CFCEF7D5137C}" dt="2019-04-01T08:16:54.566" v="14818"/>
          <ac:spMkLst>
            <pc:docMk/>
            <pc:sldMk cId="938656710" sldId="258"/>
            <ac:spMk id="4252" creationId="{F9F84CFE-B4A7-40A4-9C01-BF2E5E4BF90E}"/>
          </ac:spMkLst>
        </pc:spChg>
        <pc:spChg chg="add mod">
          <ac:chgData name="Lubomír Fojtů" userId="629ab448-eb35-4954-b771-bccc02d8ff90" providerId="ADAL" clId="{995FE33D-D744-4C25-9F36-CFCEF7D5137C}" dt="2019-04-01T08:16:54.597" v="14856"/>
          <ac:spMkLst>
            <pc:docMk/>
            <pc:sldMk cId="938656710" sldId="258"/>
            <ac:spMk id="4253" creationId="{41130EAB-1B19-4F28-BBA5-0477FDC48AC8}"/>
          </ac:spMkLst>
        </pc:spChg>
        <pc:spChg chg="add mod">
          <ac:chgData name="Lubomír Fojtů" userId="629ab448-eb35-4954-b771-bccc02d8ff90" providerId="ADAL" clId="{995FE33D-D744-4C25-9F36-CFCEF7D5137C}" dt="2019-04-01T08:16:54.597" v="14881"/>
          <ac:spMkLst>
            <pc:docMk/>
            <pc:sldMk cId="938656710" sldId="258"/>
            <ac:spMk id="4254" creationId="{EBF4813A-EB9F-4F7A-97DB-6D4471898557}"/>
          </ac:spMkLst>
        </pc:spChg>
        <pc:spChg chg="add mod">
          <ac:chgData name="Lubomír Fojtů" userId="629ab448-eb35-4954-b771-bccc02d8ff90" providerId="ADAL" clId="{995FE33D-D744-4C25-9F36-CFCEF7D5137C}" dt="2019-04-01T08:16:54.613" v="14902"/>
          <ac:spMkLst>
            <pc:docMk/>
            <pc:sldMk cId="938656710" sldId="258"/>
            <ac:spMk id="4255" creationId="{ED9C45F1-3247-4477-8423-E573755A05E0}"/>
          </ac:spMkLst>
        </pc:spChg>
        <pc:spChg chg="add mod">
          <ac:chgData name="Lubomír Fojtů" userId="629ab448-eb35-4954-b771-bccc02d8ff90" providerId="ADAL" clId="{995FE33D-D744-4C25-9F36-CFCEF7D5137C}" dt="2019-04-01T08:16:54.629" v="14929"/>
          <ac:spMkLst>
            <pc:docMk/>
            <pc:sldMk cId="938656710" sldId="258"/>
            <ac:spMk id="4256" creationId="{F0B058AC-746D-440C-A2CA-AB5A5C583322}"/>
          </ac:spMkLst>
        </pc:spChg>
        <pc:spChg chg="add mod">
          <ac:chgData name="Lubomír Fojtů" userId="629ab448-eb35-4954-b771-bccc02d8ff90" providerId="ADAL" clId="{995FE33D-D744-4C25-9F36-CFCEF7D5137C}" dt="2019-04-01T08:16:54.660" v="14977"/>
          <ac:spMkLst>
            <pc:docMk/>
            <pc:sldMk cId="938656710" sldId="258"/>
            <ac:spMk id="4257" creationId="{4A2B0A0A-2BDF-409C-B02B-4DB24F728EC7}"/>
          </ac:spMkLst>
        </pc:spChg>
        <pc:spChg chg="add mod">
          <ac:chgData name="Lubomír Fojtů" userId="629ab448-eb35-4954-b771-bccc02d8ff90" providerId="ADAL" clId="{995FE33D-D744-4C25-9F36-CFCEF7D5137C}" dt="2019-04-01T08:16:54.675" v="15019"/>
          <ac:spMkLst>
            <pc:docMk/>
            <pc:sldMk cId="938656710" sldId="258"/>
            <ac:spMk id="4258" creationId="{081E0C30-C04E-471A-BC74-F94B617CEAA2}"/>
          </ac:spMkLst>
        </pc:spChg>
        <pc:spChg chg="add mod">
          <ac:chgData name="Lubomír Fojtů" userId="629ab448-eb35-4954-b771-bccc02d8ff90" providerId="ADAL" clId="{995FE33D-D744-4C25-9F36-CFCEF7D5137C}" dt="2019-04-01T08:16:54.707" v="15067"/>
          <ac:spMkLst>
            <pc:docMk/>
            <pc:sldMk cId="938656710" sldId="258"/>
            <ac:spMk id="4260" creationId="{CB4C806D-D85A-4C19-BCE4-C5BAEECDD031}"/>
          </ac:spMkLst>
        </pc:spChg>
        <pc:spChg chg="add mod">
          <ac:chgData name="Lubomír Fojtů" userId="629ab448-eb35-4954-b771-bccc02d8ff90" providerId="ADAL" clId="{995FE33D-D744-4C25-9F36-CFCEF7D5137C}" dt="2019-04-01T08:16:54.738" v="15115"/>
          <ac:spMkLst>
            <pc:docMk/>
            <pc:sldMk cId="938656710" sldId="258"/>
            <ac:spMk id="4262" creationId="{899599E5-B2CF-4CED-8F09-3445AD22281A}"/>
          </ac:spMkLst>
        </pc:spChg>
        <pc:spChg chg="add mod">
          <ac:chgData name="Lubomír Fojtů" userId="629ab448-eb35-4954-b771-bccc02d8ff90" providerId="ADAL" clId="{995FE33D-D744-4C25-9F36-CFCEF7D5137C}" dt="2019-04-01T08:16:54.769" v="15163"/>
          <ac:spMkLst>
            <pc:docMk/>
            <pc:sldMk cId="938656710" sldId="258"/>
            <ac:spMk id="4264" creationId="{5B8158DA-E57F-4EE9-AD49-10188B6DA677}"/>
          </ac:spMkLst>
        </pc:spChg>
        <pc:spChg chg="add mod">
          <ac:chgData name="Lubomír Fojtů" userId="629ab448-eb35-4954-b771-bccc02d8ff90" providerId="ADAL" clId="{995FE33D-D744-4C25-9F36-CFCEF7D5137C}" dt="2019-04-01T08:16:54.785" v="15211"/>
          <ac:spMkLst>
            <pc:docMk/>
            <pc:sldMk cId="938656710" sldId="258"/>
            <ac:spMk id="4266" creationId="{69C9E266-C132-43EE-80D3-DD22254BD4DF}"/>
          </ac:spMkLst>
        </pc:spChg>
        <pc:spChg chg="add mod">
          <ac:chgData name="Lubomír Fojtů" userId="629ab448-eb35-4954-b771-bccc02d8ff90" providerId="ADAL" clId="{995FE33D-D744-4C25-9F36-CFCEF7D5137C}" dt="2019-04-01T08:16:54.816" v="15259"/>
          <ac:spMkLst>
            <pc:docMk/>
            <pc:sldMk cId="938656710" sldId="258"/>
            <ac:spMk id="4268" creationId="{A26DA1EE-8A44-4089-A7C5-EBCD008C26FB}"/>
          </ac:spMkLst>
        </pc:spChg>
        <pc:spChg chg="add mod">
          <ac:chgData name="Lubomír Fojtů" userId="629ab448-eb35-4954-b771-bccc02d8ff90" providerId="ADAL" clId="{995FE33D-D744-4C25-9F36-CFCEF7D5137C}" dt="2019-04-01T08:16:54.847" v="15307"/>
          <ac:spMkLst>
            <pc:docMk/>
            <pc:sldMk cId="938656710" sldId="258"/>
            <ac:spMk id="4270" creationId="{E1E5BD07-A142-4BE8-BD66-3D196CFACF66}"/>
          </ac:spMkLst>
        </pc:spChg>
        <pc:spChg chg="add mod">
          <ac:chgData name="Lubomír Fojtů" userId="629ab448-eb35-4954-b771-bccc02d8ff90" providerId="ADAL" clId="{995FE33D-D744-4C25-9F36-CFCEF7D5137C}" dt="2019-04-01T08:16:54.879" v="15355"/>
          <ac:spMkLst>
            <pc:docMk/>
            <pc:sldMk cId="938656710" sldId="258"/>
            <ac:spMk id="4272" creationId="{48136E9D-22BC-424F-BF8A-1139C3961D16}"/>
          </ac:spMkLst>
        </pc:spChg>
        <pc:spChg chg="add mod">
          <ac:chgData name="Lubomír Fojtů" userId="629ab448-eb35-4954-b771-bccc02d8ff90" providerId="ADAL" clId="{995FE33D-D744-4C25-9F36-CFCEF7D5137C}" dt="2019-04-01T08:16:54.910" v="15403"/>
          <ac:spMkLst>
            <pc:docMk/>
            <pc:sldMk cId="938656710" sldId="258"/>
            <ac:spMk id="4274" creationId="{2EC837B6-9244-4690-A02F-C822E0A8E8E8}"/>
          </ac:spMkLst>
        </pc:spChg>
        <pc:spChg chg="add mod">
          <ac:chgData name="Lubomír Fojtů" userId="629ab448-eb35-4954-b771-bccc02d8ff90" providerId="ADAL" clId="{995FE33D-D744-4C25-9F36-CFCEF7D5137C}" dt="2019-04-01T08:16:55.394" v="16669"/>
          <ac:spMkLst>
            <pc:docMk/>
            <pc:sldMk cId="938656710" sldId="258"/>
            <ac:spMk id="4347" creationId="{F993C5A3-38FF-4EDE-A59A-64F2D0AA5C46}"/>
          </ac:spMkLst>
        </pc:spChg>
        <pc:spChg chg="add mod">
          <ac:chgData name="Lubomír Fojtů" userId="629ab448-eb35-4954-b771-bccc02d8ff90" providerId="ADAL" clId="{995FE33D-D744-4C25-9F36-CFCEF7D5137C}" dt="2019-04-01T08:16:55.425" v="16711"/>
          <ac:spMkLst>
            <pc:docMk/>
            <pc:sldMk cId="938656710" sldId="258"/>
            <ac:spMk id="4348" creationId="{27168368-B865-4CFB-9F3F-427C7F60F7BC}"/>
          </ac:spMkLst>
        </pc:spChg>
        <pc:spChg chg="add mod">
          <ac:chgData name="Lubomír Fojtů" userId="629ab448-eb35-4954-b771-bccc02d8ff90" providerId="ADAL" clId="{995FE33D-D744-4C25-9F36-CFCEF7D5137C}" dt="2019-04-01T08:16:55.441" v="16749"/>
          <ac:spMkLst>
            <pc:docMk/>
            <pc:sldMk cId="938656710" sldId="258"/>
            <ac:spMk id="4349" creationId="{CCA1C821-6CB3-4ECF-8EFF-7E600F041521}"/>
          </ac:spMkLst>
        </pc:spChg>
        <pc:spChg chg="add mod">
          <ac:chgData name="Lubomír Fojtů" userId="629ab448-eb35-4954-b771-bccc02d8ff90" providerId="ADAL" clId="{995FE33D-D744-4C25-9F36-CFCEF7D5137C}" dt="2019-04-01T08:16:55.457" v="16792"/>
          <ac:spMkLst>
            <pc:docMk/>
            <pc:sldMk cId="938656710" sldId="258"/>
            <ac:spMk id="4350" creationId="{73452A3E-FCB5-41A5-A626-0E364F65EFD0}"/>
          </ac:spMkLst>
        </pc:spChg>
        <pc:spChg chg="add mod">
          <ac:chgData name="Lubomír Fojtů" userId="629ab448-eb35-4954-b771-bccc02d8ff90" providerId="ADAL" clId="{995FE33D-D744-4C25-9F36-CFCEF7D5137C}" dt="2019-04-01T08:16:55.488" v="16834"/>
          <ac:spMkLst>
            <pc:docMk/>
            <pc:sldMk cId="938656710" sldId="258"/>
            <ac:spMk id="4351" creationId="{C41116D8-4A2B-4E02-AA31-AF804201F58D}"/>
          </ac:spMkLst>
        </pc:spChg>
        <pc:spChg chg="add mod">
          <ac:chgData name="Lubomír Fojtů" userId="629ab448-eb35-4954-b771-bccc02d8ff90" providerId="ADAL" clId="{995FE33D-D744-4C25-9F36-CFCEF7D5137C}" dt="2019-04-01T08:16:55.503" v="16872"/>
          <ac:spMkLst>
            <pc:docMk/>
            <pc:sldMk cId="938656710" sldId="258"/>
            <ac:spMk id="4352" creationId="{D57502AF-C7F5-4FFB-821E-85CD2494AFA7}"/>
          </ac:spMkLst>
        </pc:spChg>
        <pc:spChg chg="add mod">
          <ac:chgData name="Lubomír Fojtů" userId="629ab448-eb35-4954-b771-bccc02d8ff90" providerId="ADAL" clId="{995FE33D-D744-4C25-9F36-CFCEF7D5137C}" dt="2019-04-01T08:16:55.535" v="16915"/>
          <ac:spMkLst>
            <pc:docMk/>
            <pc:sldMk cId="938656710" sldId="258"/>
            <ac:spMk id="4353" creationId="{E01F00B8-229C-41D8-9B20-4C1FC9E43AE8}"/>
          </ac:spMkLst>
        </pc:spChg>
        <pc:spChg chg="add mod">
          <ac:chgData name="Lubomír Fojtů" userId="629ab448-eb35-4954-b771-bccc02d8ff90" providerId="ADAL" clId="{995FE33D-D744-4C25-9F36-CFCEF7D5137C}" dt="2019-04-01T08:16:55.566" v="16957"/>
          <ac:spMkLst>
            <pc:docMk/>
            <pc:sldMk cId="938656710" sldId="258"/>
            <ac:spMk id="4354" creationId="{A08925F9-4372-46CC-B2FA-ABE20B544832}"/>
          </ac:spMkLst>
        </pc:spChg>
        <pc:spChg chg="add mod">
          <ac:chgData name="Lubomír Fojtů" userId="629ab448-eb35-4954-b771-bccc02d8ff90" providerId="ADAL" clId="{995FE33D-D744-4C25-9F36-CFCEF7D5137C}" dt="2019-04-01T08:16:55.581" v="16995"/>
          <ac:spMkLst>
            <pc:docMk/>
            <pc:sldMk cId="938656710" sldId="258"/>
            <ac:spMk id="4355" creationId="{6EC79765-BD5C-406F-B15D-51BFF6B0B0D3}"/>
          </ac:spMkLst>
        </pc:spChg>
        <pc:spChg chg="add mod">
          <ac:chgData name="Lubomír Fojtů" userId="629ab448-eb35-4954-b771-bccc02d8ff90" providerId="ADAL" clId="{995FE33D-D744-4C25-9F36-CFCEF7D5137C}" dt="2019-04-01T08:16:55.613" v="17040"/>
          <ac:spMkLst>
            <pc:docMk/>
            <pc:sldMk cId="938656710" sldId="258"/>
            <ac:spMk id="4356" creationId="{E0BBC3DE-40FB-4171-A791-38439BCB18EE}"/>
          </ac:spMkLst>
        </pc:spChg>
        <pc:spChg chg="add mod">
          <ac:chgData name="Lubomír Fojtů" userId="629ab448-eb35-4954-b771-bccc02d8ff90" providerId="ADAL" clId="{995FE33D-D744-4C25-9F36-CFCEF7D5137C}" dt="2019-04-01T08:16:55.644" v="17082"/>
          <ac:spMkLst>
            <pc:docMk/>
            <pc:sldMk cId="938656710" sldId="258"/>
            <ac:spMk id="4357" creationId="{D75FA05C-1D73-445E-819E-C1647F366684}"/>
          </ac:spMkLst>
        </pc:spChg>
        <pc:spChg chg="add mod">
          <ac:chgData name="Lubomír Fojtů" userId="629ab448-eb35-4954-b771-bccc02d8ff90" providerId="ADAL" clId="{995FE33D-D744-4C25-9F36-CFCEF7D5137C}" dt="2019-04-01T08:16:55.660" v="17120"/>
          <ac:spMkLst>
            <pc:docMk/>
            <pc:sldMk cId="938656710" sldId="258"/>
            <ac:spMk id="4358" creationId="{2C088BF3-61F9-4BA0-9EF5-9F97F8788E85}"/>
          </ac:spMkLst>
        </pc:spChg>
        <pc:spChg chg="add mod">
          <ac:chgData name="Lubomír Fojtů" userId="629ab448-eb35-4954-b771-bccc02d8ff90" providerId="ADAL" clId="{995FE33D-D744-4C25-9F36-CFCEF7D5137C}" dt="2019-04-01T08:16:55.691" v="17163"/>
          <ac:spMkLst>
            <pc:docMk/>
            <pc:sldMk cId="938656710" sldId="258"/>
            <ac:spMk id="4359" creationId="{CB17F68A-6F98-4B6F-8A5A-35746EC6ADE9}"/>
          </ac:spMkLst>
        </pc:spChg>
        <pc:spChg chg="add mod">
          <ac:chgData name="Lubomír Fojtů" userId="629ab448-eb35-4954-b771-bccc02d8ff90" providerId="ADAL" clId="{995FE33D-D744-4C25-9F36-CFCEF7D5137C}" dt="2019-04-01T08:16:55.706" v="17205"/>
          <ac:spMkLst>
            <pc:docMk/>
            <pc:sldMk cId="938656710" sldId="258"/>
            <ac:spMk id="4360" creationId="{05CC8ACE-A0B1-44D7-BEF4-C03C77BE9909}"/>
          </ac:spMkLst>
        </pc:spChg>
        <pc:spChg chg="add mod">
          <ac:chgData name="Lubomír Fojtů" userId="629ab448-eb35-4954-b771-bccc02d8ff90" providerId="ADAL" clId="{995FE33D-D744-4C25-9F36-CFCEF7D5137C}" dt="2019-04-01T08:16:55.722" v="17243"/>
          <ac:spMkLst>
            <pc:docMk/>
            <pc:sldMk cId="938656710" sldId="258"/>
            <ac:spMk id="4361" creationId="{1FD02D47-5717-4870-8049-6854470CE8D4}"/>
          </ac:spMkLst>
        </pc:spChg>
        <pc:spChg chg="add mod">
          <ac:chgData name="Lubomír Fojtů" userId="629ab448-eb35-4954-b771-bccc02d8ff90" providerId="ADAL" clId="{995FE33D-D744-4C25-9F36-CFCEF7D5137C}" dt="2019-04-01T08:16:55.753" v="17286"/>
          <ac:spMkLst>
            <pc:docMk/>
            <pc:sldMk cId="938656710" sldId="258"/>
            <ac:spMk id="4362" creationId="{64641AAC-6B00-48DE-B84F-AD85A797566E}"/>
          </ac:spMkLst>
        </pc:spChg>
        <pc:spChg chg="add mod">
          <ac:chgData name="Lubomír Fojtů" userId="629ab448-eb35-4954-b771-bccc02d8ff90" providerId="ADAL" clId="{995FE33D-D744-4C25-9F36-CFCEF7D5137C}" dt="2019-04-01T08:16:55.785" v="17328"/>
          <ac:spMkLst>
            <pc:docMk/>
            <pc:sldMk cId="938656710" sldId="258"/>
            <ac:spMk id="4363" creationId="{07F15230-13DB-4DC1-9872-EEF9419987F8}"/>
          </ac:spMkLst>
        </pc:spChg>
        <pc:spChg chg="add mod">
          <ac:chgData name="Lubomír Fojtů" userId="629ab448-eb35-4954-b771-bccc02d8ff90" providerId="ADAL" clId="{995FE33D-D744-4C25-9F36-CFCEF7D5137C}" dt="2019-04-01T08:16:55.800" v="17366"/>
          <ac:spMkLst>
            <pc:docMk/>
            <pc:sldMk cId="938656710" sldId="258"/>
            <ac:spMk id="4364" creationId="{D5E57485-10B9-47DE-AF60-0361B1D8FE47}"/>
          </ac:spMkLst>
        </pc:spChg>
        <pc:spChg chg="add mod">
          <ac:chgData name="Lubomír Fojtů" userId="629ab448-eb35-4954-b771-bccc02d8ff90" providerId="ADAL" clId="{995FE33D-D744-4C25-9F36-CFCEF7D5137C}" dt="2019-04-01T08:16:55.831" v="17410"/>
          <ac:spMkLst>
            <pc:docMk/>
            <pc:sldMk cId="938656710" sldId="258"/>
            <ac:spMk id="4365" creationId="{9365DBE2-9005-4B3A-B284-93EAF9EAF75F}"/>
          </ac:spMkLst>
        </pc:spChg>
        <pc:spChg chg="add mod">
          <ac:chgData name="Lubomír Fojtů" userId="629ab448-eb35-4954-b771-bccc02d8ff90" providerId="ADAL" clId="{995FE33D-D744-4C25-9F36-CFCEF7D5137C}" dt="2019-04-01T08:16:55.863" v="17452"/>
          <ac:spMkLst>
            <pc:docMk/>
            <pc:sldMk cId="938656710" sldId="258"/>
            <ac:spMk id="4366" creationId="{899BB1AE-E0A3-4016-BCFB-41DA97389118}"/>
          </ac:spMkLst>
        </pc:spChg>
        <pc:spChg chg="add mod">
          <ac:chgData name="Lubomír Fojtů" userId="629ab448-eb35-4954-b771-bccc02d8ff90" providerId="ADAL" clId="{995FE33D-D744-4C25-9F36-CFCEF7D5137C}" dt="2019-04-01T08:16:55.878" v="17490"/>
          <ac:spMkLst>
            <pc:docMk/>
            <pc:sldMk cId="938656710" sldId="258"/>
            <ac:spMk id="4367" creationId="{66572CE1-7B21-47E2-927E-5191D050DE91}"/>
          </ac:spMkLst>
        </pc:spChg>
        <pc:spChg chg="add mod">
          <ac:chgData name="Lubomír Fojtů" userId="629ab448-eb35-4954-b771-bccc02d8ff90" providerId="ADAL" clId="{995FE33D-D744-4C25-9F36-CFCEF7D5137C}" dt="2019-04-01T08:16:55.910" v="17533"/>
          <ac:spMkLst>
            <pc:docMk/>
            <pc:sldMk cId="938656710" sldId="258"/>
            <ac:spMk id="4368" creationId="{81C225EC-D72B-4F97-965A-1662BBE8C040}"/>
          </ac:spMkLst>
        </pc:spChg>
        <pc:spChg chg="add mod">
          <ac:chgData name="Lubomír Fojtů" userId="629ab448-eb35-4954-b771-bccc02d8ff90" providerId="ADAL" clId="{995FE33D-D744-4C25-9F36-CFCEF7D5137C}" dt="2019-04-01T08:16:55.941" v="17575"/>
          <ac:spMkLst>
            <pc:docMk/>
            <pc:sldMk cId="938656710" sldId="258"/>
            <ac:spMk id="4369" creationId="{ADF8A381-F19D-4440-9205-1DF413C673AE}"/>
          </ac:spMkLst>
        </pc:spChg>
        <pc:spChg chg="add mod">
          <ac:chgData name="Lubomír Fojtů" userId="629ab448-eb35-4954-b771-bccc02d8ff90" providerId="ADAL" clId="{995FE33D-D744-4C25-9F36-CFCEF7D5137C}" dt="2019-04-01T08:16:55.956" v="17613"/>
          <ac:spMkLst>
            <pc:docMk/>
            <pc:sldMk cId="938656710" sldId="258"/>
            <ac:spMk id="4370" creationId="{22947D15-2A80-4E7C-B76D-F0929D88E80F}"/>
          </ac:spMkLst>
        </pc:spChg>
        <pc:spChg chg="add mod">
          <ac:chgData name="Lubomír Fojtů" userId="629ab448-eb35-4954-b771-bccc02d8ff90" providerId="ADAL" clId="{995FE33D-D744-4C25-9F36-CFCEF7D5137C}" dt="2019-04-01T08:16:55.988" v="17657"/>
          <ac:spMkLst>
            <pc:docMk/>
            <pc:sldMk cId="938656710" sldId="258"/>
            <ac:spMk id="4371" creationId="{9E1AD848-BB86-4859-8041-69533C313743}"/>
          </ac:spMkLst>
        </pc:spChg>
        <pc:spChg chg="add mod">
          <ac:chgData name="Lubomír Fojtů" userId="629ab448-eb35-4954-b771-bccc02d8ff90" providerId="ADAL" clId="{995FE33D-D744-4C25-9F36-CFCEF7D5137C}" dt="2019-04-01T08:16:56.019" v="17699"/>
          <ac:spMkLst>
            <pc:docMk/>
            <pc:sldMk cId="938656710" sldId="258"/>
            <ac:spMk id="4372" creationId="{AF28280B-924A-4E41-86E9-A1812C068CFC}"/>
          </ac:spMkLst>
        </pc:spChg>
        <pc:spChg chg="add mod">
          <ac:chgData name="Lubomír Fojtů" userId="629ab448-eb35-4954-b771-bccc02d8ff90" providerId="ADAL" clId="{995FE33D-D744-4C25-9F36-CFCEF7D5137C}" dt="2019-04-01T08:16:56.035" v="17737"/>
          <ac:spMkLst>
            <pc:docMk/>
            <pc:sldMk cId="938656710" sldId="258"/>
            <ac:spMk id="4373" creationId="{9B893A69-7A35-48D1-A483-287AB2C203B6}"/>
          </ac:spMkLst>
        </pc:spChg>
        <pc:spChg chg="add mod">
          <ac:chgData name="Lubomír Fojtů" userId="629ab448-eb35-4954-b771-bccc02d8ff90" providerId="ADAL" clId="{995FE33D-D744-4C25-9F36-CFCEF7D5137C}" dt="2019-04-01T08:16:56.066" v="17781"/>
          <ac:spMkLst>
            <pc:docMk/>
            <pc:sldMk cId="938656710" sldId="258"/>
            <ac:spMk id="4374" creationId="{B6F24D6E-D4A1-4EC1-9D52-8CDAF0B412F3}"/>
          </ac:spMkLst>
        </pc:spChg>
        <pc:spChg chg="add mod">
          <ac:chgData name="Lubomír Fojtů" userId="629ab448-eb35-4954-b771-bccc02d8ff90" providerId="ADAL" clId="{995FE33D-D744-4C25-9F36-CFCEF7D5137C}" dt="2019-04-01T08:16:56.097" v="17823"/>
          <ac:spMkLst>
            <pc:docMk/>
            <pc:sldMk cId="938656710" sldId="258"/>
            <ac:spMk id="4375" creationId="{861BFE63-2A9D-480B-84D8-DF966C58CE42}"/>
          </ac:spMkLst>
        </pc:spChg>
        <pc:spChg chg="add mod">
          <ac:chgData name="Lubomír Fojtů" userId="629ab448-eb35-4954-b771-bccc02d8ff90" providerId="ADAL" clId="{995FE33D-D744-4C25-9F36-CFCEF7D5137C}" dt="2019-04-01T08:16:56.113" v="17861"/>
          <ac:spMkLst>
            <pc:docMk/>
            <pc:sldMk cId="938656710" sldId="258"/>
            <ac:spMk id="4376" creationId="{BEA51E55-94C1-485D-9102-F097D0165ECD}"/>
          </ac:spMkLst>
        </pc:spChg>
        <pc:spChg chg="add mod">
          <ac:chgData name="Lubomír Fojtů" userId="629ab448-eb35-4954-b771-bccc02d8ff90" providerId="ADAL" clId="{995FE33D-D744-4C25-9F36-CFCEF7D5137C}" dt="2019-04-01T08:16:56.144" v="17904"/>
          <ac:spMkLst>
            <pc:docMk/>
            <pc:sldMk cId="938656710" sldId="258"/>
            <ac:spMk id="4377" creationId="{15254AED-4420-46E1-A804-84B23396FFF8}"/>
          </ac:spMkLst>
        </pc:spChg>
        <pc:spChg chg="add mod">
          <ac:chgData name="Lubomír Fojtů" userId="629ab448-eb35-4954-b771-bccc02d8ff90" providerId="ADAL" clId="{995FE33D-D744-4C25-9F36-CFCEF7D5137C}" dt="2019-04-01T08:16:56.175" v="17946"/>
          <ac:spMkLst>
            <pc:docMk/>
            <pc:sldMk cId="938656710" sldId="258"/>
            <ac:spMk id="4378" creationId="{996BBA15-455B-47AD-90EB-50B64B01FE12}"/>
          </ac:spMkLst>
        </pc:spChg>
        <pc:spChg chg="add mod">
          <ac:chgData name="Lubomír Fojtů" userId="629ab448-eb35-4954-b771-bccc02d8ff90" providerId="ADAL" clId="{995FE33D-D744-4C25-9F36-CFCEF7D5137C}" dt="2019-04-01T08:16:56.191" v="17984"/>
          <ac:spMkLst>
            <pc:docMk/>
            <pc:sldMk cId="938656710" sldId="258"/>
            <ac:spMk id="4379" creationId="{EF051EE6-16FC-47AE-9DC5-D132FE227A67}"/>
          </ac:spMkLst>
        </pc:spChg>
        <pc:spChg chg="add mod">
          <ac:chgData name="Lubomír Fojtů" userId="629ab448-eb35-4954-b771-bccc02d8ff90" providerId="ADAL" clId="{995FE33D-D744-4C25-9F36-CFCEF7D5137C}" dt="2019-04-01T08:16:56.225" v="18029"/>
          <ac:spMkLst>
            <pc:docMk/>
            <pc:sldMk cId="938656710" sldId="258"/>
            <ac:spMk id="4380" creationId="{B5DF54F0-B9D2-4EAF-A022-C2130DAE914F}"/>
          </ac:spMkLst>
        </pc:spChg>
        <pc:spChg chg="add mod">
          <ac:chgData name="Lubomír Fojtů" userId="629ab448-eb35-4954-b771-bccc02d8ff90" providerId="ADAL" clId="{995FE33D-D744-4C25-9F36-CFCEF7D5137C}" dt="2019-04-01T08:16:56.257" v="18071"/>
          <ac:spMkLst>
            <pc:docMk/>
            <pc:sldMk cId="938656710" sldId="258"/>
            <ac:spMk id="4381" creationId="{C0108CC5-7B81-47AD-B1B1-1700D825C381}"/>
          </ac:spMkLst>
        </pc:spChg>
        <pc:spChg chg="add mod">
          <ac:chgData name="Lubomír Fojtů" userId="629ab448-eb35-4954-b771-bccc02d8ff90" providerId="ADAL" clId="{995FE33D-D744-4C25-9F36-CFCEF7D5137C}" dt="2019-04-01T08:16:56.272" v="18109"/>
          <ac:spMkLst>
            <pc:docMk/>
            <pc:sldMk cId="938656710" sldId="258"/>
            <ac:spMk id="4382" creationId="{6959D2DF-F099-4FF4-9AB0-CB1E92B21E54}"/>
          </ac:spMkLst>
        </pc:spChg>
        <pc:spChg chg="add mod">
          <ac:chgData name="Lubomír Fojtů" userId="629ab448-eb35-4954-b771-bccc02d8ff90" providerId="ADAL" clId="{995FE33D-D744-4C25-9F36-CFCEF7D5137C}" dt="2019-04-01T08:16:56.303" v="18152"/>
          <ac:spMkLst>
            <pc:docMk/>
            <pc:sldMk cId="938656710" sldId="258"/>
            <ac:spMk id="4383" creationId="{CD01086A-8121-4CA8-A2E9-EB482C8BC719}"/>
          </ac:spMkLst>
        </pc:spChg>
        <pc:spChg chg="add mod">
          <ac:chgData name="Lubomír Fojtů" userId="629ab448-eb35-4954-b771-bccc02d8ff90" providerId="ADAL" clId="{995FE33D-D744-4C25-9F36-CFCEF7D5137C}" dt="2019-04-01T08:16:56.335" v="18194"/>
          <ac:spMkLst>
            <pc:docMk/>
            <pc:sldMk cId="938656710" sldId="258"/>
            <ac:spMk id="4384" creationId="{07CCDCCA-9FD9-45F9-8A6D-F5B93420605F}"/>
          </ac:spMkLst>
        </pc:spChg>
        <pc:spChg chg="add mod">
          <ac:chgData name="Lubomír Fojtů" userId="629ab448-eb35-4954-b771-bccc02d8ff90" providerId="ADAL" clId="{995FE33D-D744-4C25-9F36-CFCEF7D5137C}" dt="2019-04-01T08:16:56.350" v="18232"/>
          <ac:spMkLst>
            <pc:docMk/>
            <pc:sldMk cId="938656710" sldId="258"/>
            <ac:spMk id="4385" creationId="{3B91F288-FA7A-44B0-81F2-009A3C937F4A}"/>
          </ac:spMkLst>
        </pc:spChg>
        <pc:spChg chg="add mod">
          <ac:chgData name="Lubomír Fojtů" userId="629ab448-eb35-4954-b771-bccc02d8ff90" providerId="ADAL" clId="{995FE33D-D744-4C25-9F36-CFCEF7D5137C}" dt="2019-04-01T08:16:56.382" v="18276"/>
          <ac:spMkLst>
            <pc:docMk/>
            <pc:sldMk cId="938656710" sldId="258"/>
            <ac:spMk id="4386" creationId="{CEA724F6-AED1-4E78-9C86-BA28FE13862F}"/>
          </ac:spMkLst>
        </pc:spChg>
        <pc:spChg chg="add mod">
          <ac:chgData name="Lubomír Fojtů" userId="629ab448-eb35-4954-b771-bccc02d8ff90" providerId="ADAL" clId="{995FE33D-D744-4C25-9F36-CFCEF7D5137C}" dt="2019-04-01T08:16:56.413" v="18318"/>
          <ac:spMkLst>
            <pc:docMk/>
            <pc:sldMk cId="938656710" sldId="258"/>
            <ac:spMk id="4387" creationId="{79CCD783-95E1-4D7E-9407-0555001E3E16}"/>
          </ac:spMkLst>
        </pc:spChg>
        <pc:spChg chg="add mod">
          <ac:chgData name="Lubomír Fojtů" userId="629ab448-eb35-4954-b771-bccc02d8ff90" providerId="ADAL" clId="{995FE33D-D744-4C25-9F36-CFCEF7D5137C}" dt="2019-04-01T08:16:56.428" v="18356"/>
          <ac:spMkLst>
            <pc:docMk/>
            <pc:sldMk cId="938656710" sldId="258"/>
            <ac:spMk id="4388" creationId="{BDF0B0A3-D2EF-4FB1-9750-524790D89D77}"/>
          </ac:spMkLst>
        </pc:spChg>
        <pc:spChg chg="add mod">
          <ac:chgData name="Lubomír Fojtů" userId="629ab448-eb35-4954-b771-bccc02d8ff90" providerId="ADAL" clId="{995FE33D-D744-4C25-9F36-CFCEF7D5137C}" dt="2019-04-01T08:16:56.460" v="18400"/>
          <ac:spMkLst>
            <pc:docMk/>
            <pc:sldMk cId="938656710" sldId="258"/>
            <ac:spMk id="4389" creationId="{BF3EED85-2247-4A44-96A7-9FD5105ACA90}"/>
          </ac:spMkLst>
        </pc:spChg>
        <pc:spChg chg="add mod">
          <ac:chgData name="Lubomír Fojtů" userId="629ab448-eb35-4954-b771-bccc02d8ff90" providerId="ADAL" clId="{995FE33D-D744-4C25-9F36-CFCEF7D5137C}" dt="2019-04-01T08:16:56.491" v="18442"/>
          <ac:spMkLst>
            <pc:docMk/>
            <pc:sldMk cId="938656710" sldId="258"/>
            <ac:spMk id="4390" creationId="{BAB5B187-0C88-42BB-8BFD-0E878CD9D97C}"/>
          </ac:spMkLst>
        </pc:spChg>
        <pc:spChg chg="add mod">
          <ac:chgData name="Lubomír Fojtů" userId="629ab448-eb35-4954-b771-bccc02d8ff90" providerId="ADAL" clId="{995FE33D-D744-4C25-9F36-CFCEF7D5137C}" dt="2019-04-01T08:16:56.507" v="18480"/>
          <ac:spMkLst>
            <pc:docMk/>
            <pc:sldMk cId="938656710" sldId="258"/>
            <ac:spMk id="4391" creationId="{2866395F-5750-4C6C-B0FB-3EE83F185EFA}"/>
          </ac:spMkLst>
        </pc:spChg>
        <pc:spChg chg="add mod">
          <ac:chgData name="Lubomír Fojtů" userId="629ab448-eb35-4954-b771-bccc02d8ff90" providerId="ADAL" clId="{995FE33D-D744-4C25-9F36-CFCEF7D5137C}" dt="2019-04-01T08:16:56.538" v="18524"/>
          <ac:spMkLst>
            <pc:docMk/>
            <pc:sldMk cId="938656710" sldId="258"/>
            <ac:spMk id="4392" creationId="{B59FC003-C346-4C40-AC82-E6D00F6E4FDA}"/>
          </ac:spMkLst>
        </pc:spChg>
        <pc:spChg chg="add mod">
          <ac:chgData name="Lubomír Fojtů" userId="629ab448-eb35-4954-b771-bccc02d8ff90" providerId="ADAL" clId="{995FE33D-D744-4C25-9F36-CFCEF7D5137C}" dt="2019-04-01T08:16:56.569" v="18566"/>
          <ac:spMkLst>
            <pc:docMk/>
            <pc:sldMk cId="938656710" sldId="258"/>
            <ac:spMk id="4393" creationId="{7A3FD0D4-DFCB-4336-A4C4-3F13695D4175}"/>
          </ac:spMkLst>
        </pc:spChg>
        <pc:spChg chg="add mod">
          <ac:chgData name="Lubomír Fojtů" userId="629ab448-eb35-4954-b771-bccc02d8ff90" providerId="ADAL" clId="{995FE33D-D744-4C25-9F36-CFCEF7D5137C}" dt="2019-04-01T08:16:56.585" v="18604"/>
          <ac:spMkLst>
            <pc:docMk/>
            <pc:sldMk cId="938656710" sldId="258"/>
            <ac:spMk id="4394" creationId="{D9759D31-55B1-4135-A6BC-C0C4E16ED5E6}"/>
          </ac:spMkLst>
        </pc:spChg>
        <pc:spChg chg="add mod">
          <ac:chgData name="Lubomír Fojtů" userId="629ab448-eb35-4954-b771-bccc02d8ff90" providerId="ADAL" clId="{995FE33D-D744-4C25-9F36-CFCEF7D5137C}" dt="2019-04-01T08:16:56.616" v="18648"/>
          <ac:spMkLst>
            <pc:docMk/>
            <pc:sldMk cId="938656710" sldId="258"/>
            <ac:spMk id="4395" creationId="{A562EEA9-5F77-4589-BB33-27111169A78E}"/>
          </ac:spMkLst>
        </pc:spChg>
        <pc:spChg chg="add mod">
          <ac:chgData name="Lubomír Fojtů" userId="629ab448-eb35-4954-b771-bccc02d8ff90" providerId="ADAL" clId="{995FE33D-D744-4C25-9F36-CFCEF7D5137C}" dt="2019-04-01T08:16:56.647" v="18690"/>
          <ac:spMkLst>
            <pc:docMk/>
            <pc:sldMk cId="938656710" sldId="258"/>
            <ac:spMk id="4396" creationId="{A2247DF2-E22B-4CDD-A467-0C4FCC82726A}"/>
          </ac:spMkLst>
        </pc:spChg>
        <pc:spChg chg="add mod">
          <ac:chgData name="Lubomír Fojtů" userId="629ab448-eb35-4954-b771-bccc02d8ff90" providerId="ADAL" clId="{995FE33D-D744-4C25-9F36-CFCEF7D5137C}" dt="2019-04-01T08:16:56.663" v="18728"/>
          <ac:spMkLst>
            <pc:docMk/>
            <pc:sldMk cId="938656710" sldId="258"/>
            <ac:spMk id="4397" creationId="{7F99C6D5-CF76-4AA7-9189-D5C4CED40261}"/>
          </ac:spMkLst>
        </pc:spChg>
        <pc:spChg chg="add mod">
          <ac:chgData name="Lubomír Fojtů" userId="629ab448-eb35-4954-b771-bccc02d8ff90" providerId="ADAL" clId="{995FE33D-D744-4C25-9F36-CFCEF7D5137C}" dt="2019-04-01T08:16:56.694" v="18773"/>
          <ac:spMkLst>
            <pc:docMk/>
            <pc:sldMk cId="938656710" sldId="258"/>
            <ac:spMk id="4398" creationId="{CFE0DDD8-15A8-4BCB-93FC-64212037841B}"/>
          </ac:spMkLst>
        </pc:spChg>
        <pc:spChg chg="add mod">
          <ac:chgData name="Lubomír Fojtů" userId="629ab448-eb35-4954-b771-bccc02d8ff90" providerId="ADAL" clId="{995FE33D-D744-4C25-9F36-CFCEF7D5137C}" dt="2019-04-01T08:16:56.741" v="18815"/>
          <ac:spMkLst>
            <pc:docMk/>
            <pc:sldMk cId="938656710" sldId="258"/>
            <ac:spMk id="4399" creationId="{0CB7A3A5-FBF7-42C3-B8F2-7728E6829C5B}"/>
          </ac:spMkLst>
        </pc:spChg>
        <pc:spChg chg="add mod">
          <ac:chgData name="Lubomír Fojtů" userId="629ab448-eb35-4954-b771-bccc02d8ff90" providerId="ADAL" clId="{995FE33D-D744-4C25-9F36-CFCEF7D5137C}" dt="2019-04-01T08:16:56.772" v="18853"/>
          <ac:spMkLst>
            <pc:docMk/>
            <pc:sldMk cId="938656710" sldId="258"/>
            <ac:spMk id="4400" creationId="{38085A3B-A22F-40D7-BA71-0A78D0FAEC8E}"/>
          </ac:spMkLst>
        </pc:spChg>
        <pc:spChg chg="add mod">
          <ac:chgData name="Lubomír Fojtů" userId="629ab448-eb35-4954-b771-bccc02d8ff90" providerId="ADAL" clId="{995FE33D-D744-4C25-9F36-CFCEF7D5137C}" dt="2019-04-01T08:16:56.803" v="18896"/>
          <ac:spMkLst>
            <pc:docMk/>
            <pc:sldMk cId="938656710" sldId="258"/>
            <ac:spMk id="4401" creationId="{A755E9A1-F916-40BE-A69F-C453A84C3801}"/>
          </ac:spMkLst>
        </pc:spChg>
        <pc:spChg chg="add mod">
          <ac:chgData name="Lubomír Fojtů" userId="629ab448-eb35-4954-b771-bccc02d8ff90" providerId="ADAL" clId="{995FE33D-D744-4C25-9F36-CFCEF7D5137C}" dt="2019-04-01T08:16:56.835" v="18938"/>
          <ac:spMkLst>
            <pc:docMk/>
            <pc:sldMk cId="938656710" sldId="258"/>
            <ac:spMk id="4402" creationId="{1BC138BA-6BBD-494A-AF19-8B1BDAFEDD7A}"/>
          </ac:spMkLst>
        </pc:spChg>
        <pc:spChg chg="add mod">
          <ac:chgData name="Lubomír Fojtů" userId="629ab448-eb35-4954-b771-bccc02d8ff90" providerId="ADAL" clId="{995FE33D-D744-4C25-9F36-CFCEF7D5137C}" dt="2019-04-01T08:16:56.850" v="18976"/>
          <ac:spMkLst>
            <pc:docMk/>
            <pc:sldMk cId="938656710" sldId="258"/>
            <ac:spMk id="4403" creationId="{A6EBADC6-CAB4-47A4-A356-E505E185F666}"/>
          </ac:spMkLst>
        </pc:spChg>
        <pc:spChg chg="add mod">
          <ac:chgData name="Lubomír Fojtů" userId="629ab448-eb35-4954-b771-bccc02d8ff90" providerId="ADAL" clId="{995FE33D-D744-4C25-9F36-CFCEF7D5137C}" dt="2019-04-01T08:16:56.881" v="19020"/>
          <ac:spMkLst>
            <pc:docMk/>
            <pc:sldMk cId="938656710" sldId="258"/>
            <ac:spMk id="4404" creationId="{E2D2F88C-414D-4AD8-8D3B-9A5E8A2F02CD}"/>
          </ac:spMkLst>
        </pc:spChg>
        <pc:spChg chg="add mod">
          <ac:chgData name="Lubomír Fojtů" userId="629ab448-eb35-4954-b771-bccc02d8ff90" providerId="ADAL" clId="{995FE33D-D744-4C25-9F36-CFCEF7D5137C}" dt="2019-04-01T08:16:56.913" v="19062"/>
          <ac:spMkLst>
            <pc:docMk/>
            <pc:sldMk cId="938656710" sldId="258"/>
            <ac:spMk id="4405" creationId="{D7F7BB4A-03A6-46B1-AD4F-2D1C5E2E30A4}"/>
          </ac:spMkLst>
        </pc:spChg>
        <pc:spChg chg="add mod">
          <ac:chgData name="Lubomír Fojtů" userId="629ab448-eb35-4954-b771-bccc02d8ff90" providerId="ADAL" clId="{995FE33D-D744-4C25-9F36-CFCEF7D5137C}" dt="2019-04-01T08:16:56.928" v="19100"/>
          <ac:spMkLst>
            <pc:docMk/>
            <pc:sldMk cId="938656710" sldId="258"/>
            <ac:spMk id="4406" creationId="{DFF8DDFA-0B52-4295-AE1D-90CF60260ECF}"/>
          </ac:spMkLst>
        </pc:spChg>
        <pc:spChg chg="add mod">
          <ac:chgData name="Lubomír Fojtů" userId="629ab448-eb35-4954-b771-bccc02d8ff90" providerId="ADAL" clId="{995FE33D-D744-4C25-9F36-CFCEF7D5137C}" dt="2019-04-01T08:16:56.960" v="19143"/>
          <ac:spMkLst>
            <pc:docMk/>
            <pc:sldMk cId="938656710" sldId="258"/>
            <ac:spMk id="4407" creationId="{148BEE59-AB0D-40F8-855C-52DC36704C38}"/>
          </ac:spMkLst>
        </pc:spChg>
        <pc:spChg chg="add mod">
          <ac:chgData name="Lubomír Fojtů" userId="629ab448-eb35-4954-b771-bccc02d8ff90" providerId="ADAL" clId="{995FE33D-D744-4C25-9F36-CFCEF7D5137C}" dt="2019-04-01T08:16:56.991" v="19185"/>
          <ac:spMkLst>
            <pc:docMk/>
            <pc:sldMk cId="938656710" sldId="258"/>
            <ac:spMk id="4408" creationId="{8076E80C-2D93-44A4-8015-17B39FEA070B}"/>
          </ac:spMkLst>
        </pc:spChg>
        <pc:spChg chg="add mod">
          <ac:chgData name="Lubomír Fojtů" userId="629ab448-eb35-4954-b771-bccc02d8ff90" providerId="ADAL" clId="{995FE33D-D744-4C25-9F36-CFCEF7D5137C}" dt="2019-04-01T08:16:57.006" v="19223"/>
          <ac:spMkLst>
            <pc:docMk/>
            <pc:sldMk cId="938656710" sldId="258"/>
            <ac:spMk id="4409" creationId="{2352D761-1FF4-4CE0-8027-E3137D73FBB7}"/>
          </ac:spMkLst>
        </pc:spChg>
        <pc:spChg chg="add mod">
          <ac:chgData name="Lubomír Fojtů" userId="629ab448-eb35-4954-b771-bccc02d8ff90" providerId="ADAL" clId="{995FE33D-D744-4C25-9F36-CFCEF7D5137C}" dt="2019-04-01T08:16:57.038" v="19266"/>
          <ac:spMkLst>
            <pc:docMk/>
            <pc:sldMk cId="938656710" sldId="258"/>
            <ac:spMk id="4410" creationId="{611E74E9-E28E-4AE0-AE92-E627CF0F7438}"/>
          </ac:spMkLst>
        </pc:spChg>
        <pc:spChg chg="add mod">
          <ac:chgData name="Lubomír Fojtů" userId="629ab448-eb35-4954-b771-bccc02d8ff90" providerId="ADAL" clId="{995FE33D-D744-4C25-9F36-CFCEF7D5137C}" dt="2019-04-01T08:16:57.069" v="19308"/>
          <ac:spMkLst>
            <pc:docMk/>
            <pc:sldMk cId="938656710" sldId="258"/>
            <ac:spMk id="4411" creationId="{96F6273B-7235-41F7-842D-4EB5ADFD47D8}"/>
          </ac:spMkLst>
        </pc:spChg>
        <pc:spChg chg="add mod">
          <ac:chgData name="Lubomír Fojtů" userId="629ab448-eb35-4954-b771-bccc02d8ff90" providerId="ADAL" clId="{995FE33D-D744-4C25-9F36-CFCEF7D5137C}" dt="2019-04-01T08:16:57.085" v="19346"/>
          <ac:spMkLst>
            <pc:docMk/>
            <pc:sldMk cId="938656710" sldId="258"/>
            <ac:spMk id="4412" creationId="{406BB556-3A7F-4914-8031-EE97130B3755}"/>
          </ac:spMkLst>
        </pc:spChg>
        <pc:spChg chg="add mod">
          <ac:chgData name="Lubomír Fojtů" userId="629ab448-eb35-4954-b771-bccc02d8ff90" providerId="ADAL" clId="{995FE33D-D744-4C25-9F36-CFCEF7D5137C}" dt="2019-04-01T08:16:57.131" v="19391"/>
          <ac:spMkLst>
            <pc:docMk/>
            <pc:sldMk cId="938656710" sldId="258"/>
            <ac:spMk id="4413" creationId="{201CE98B-4CF8-4303-94EE-2629DFBF45C3}"/>
          </ac:spMkLst>
        </pc:spChg>
        <pc:spChg chg="add mod">
          <ac:chgData name="Lubomír Fojtů" userId="629ab448-eb35-4954-b771-bccc02d8ff90" providerId="ADAL" clId="{995FE33D-D744-4C25-9F36-CFCEF7D5137C}" dt="2019-04-01T08:16:57.163" v="19433"/>
          <ac:spMkLst>
            <pc:docMk/>
            <pc:sldMk cId="938656710" sldId="258"/>
            <ac:spMk id="4414" creationId="{531A728F-8E43-42E2-84F2-F9EF92007D86}"/>
          </ac:spMkLst>
        </pc:spChg>
        <pc:spChg chg="add mod">
          <ac:chgData name="Lubomír Fojtů" userId="629ab448-eb35-4954-b771-bccc02d8ff90" providerId="ADAL" clId="{995FE33D-D744-4C25-9F36-CFCEF7D5137C}" dt="2019-04-01T08:16:57.178" v="19471"/>
          <ac:spMkLst>
            <pc:docMk/>
            <pc:sldMk cId="938656710" sldId="258"/>
            <ac:spMk id="4415" creationId="{AF8FDCF5-2D89-4460-A699-43AE74E2C9E2}"/>
          </ac:spMkLst>
        </pc:spChg>
        <pc:spChg chg="add mod">
          <ac:chgData name="Lubomír Fojtů" userId="629ab448-eb35-4954-b771-bccc02d8ff90" providerId="ADAL" clId="{995FE33D-D744-4C25-9F36-CFCEF7D5137C}" dt="2019-04-01T08:16:57.210" v="19514"/>
          <ac:spMkLst>
            <pc:docMk/>
            <pc:sldMk cId="938656710" sldId="258"/>
            <ac:spMk id="4416" creationId="{05AB6947-CE98-418C-8002-125216868D7E}"/>
          </ac:spMkLst>
        </pc:spChg>
        <pc:spChg chg="add mod">
          <ac:chgData name="Lubomír Fojtů" userId="629ab448-eb35-4954-b771-bccc02d8ff90" providerId="ADAL" clId="{995FE33D-D744-4C25-9F36-CFCEF7D5137C}" dt="2019-04-01T08:16:57.241" v="19556"/>
          <ac:spMkLst>
            <pc:docMk/>
            <pc:sldMk cId="938656710" sldId="258"/>
            <ac:spMk id="4417" creationId="{0411C322-835D-4AB5-B668-EF2514CBD344}"/>
          </ac:spMkLst>
        </pc:spChg>
        <pc:spChg chg="add mod">
          <ac:chgData name="Lubomír Fojtů" userId="629ab448-eb35-4954-b771-bccc02d8ff90" providerId="ADAL" clId="{995FE33D-D744-4C25-9F36-CFCEF7D5137C}" dt="2019-04-01T08:16:57.256" v="19594"/>
          <ac:spMkLst>
            <pc:docMk/>
            <pc:sldMk cId="938656710" sldId="258"/>
            <ac:spMk id="4418" creationId="{BA1D6DAC-2677-43C8-ADEB-12CA84AA7F59}"/>
          </ac:spMkLst>
        </pc:spChg>
        <pc:spChg chg="add mod">
          <ac:chgData name="Lubomír Fojtů" userId="629ab448-eb35-4954-b771-bccc02d8ff90" providerId="ADAL" clId="{995FE33D-D744-4C25-9F36-CFCEF7D5137C}" dt="2019-04-01T08:16:57.288" v="19637"/>
          <ac:spMkLst>
            <pc:docMk/>
            <pc:sldMk cId="938656710" sldId="258"/>
            <ac:spMk id="4419" creationId="{F11B66CB-FA34-4F89-9133-326E42E15772}"/>
          </ac:spMkLst>
        </pc:spChg>
        <pc:spChg chg="add mod">
          <ac:chgData name="Lubomír Fojtů" userId="629ab448-eb35-4954-b771-bccc02d8ff90" providerId="ADAL" clId="{995FE33D-D744-4C25-9F36-CFCEF7D5137C}" dt="2019-04-01T08:16:57.319" v="19679"/>
          <ac:spMkLst>
            <pc:docMk/>
            <pc:sldMk cId="938656710" sldId="258"/>
            <ac:spMk id="4420" creationId="{A5B2BE97-3192-46CD-A376-0A5DE5C38C40}"/>
          </ac:spMkLst>
        </pc:spChg>
        <pc:spChg chg="add mod">
          <ac:chgData name="Lubomír Fojtů" userId="629ab448-eb35-4954-b771-bccc02d8ff90" providerId="ADAL" clId="{995FE33D-D744-4C25-9F36-CFCEF7D5137C}" dt="2019-04-01T08:16:57.335" v="19717"/>
          <ac:spMkLst>
            <pc:docMk/>
            <pc:sldMk cId="938656710" sldId="258"/>
            <ac:spMk id="4421" creationId="{3A701E27-5B02-4284-BE77-08F6516A92A8}"/>
          </ac:spMkLst>
        </pc:spChg>
        <pc:spChg chg="add mod">
          <ac:chgData name="Lubomír Fojtů" userId="629ab448-eb35-4954-b771-bccc02d8ff90" providerId="ADAL" clId="{995FE33D-D744-4C25-9F36-CFCEF7D5137C}" dt="2019-04-01T08:16:57.366" v="19760"/>
          <ac:spMkLst>
            <pc:docMk/>
            <pc:sldMk cId="938656710" sldId="258"/>
            <ac:spMk id="4422" creationId="{B72EDD4E-A7EF-4875-97E0-E1ACEDD9DAE0}"/>
          </ac:spMkLst>
        </pc:spChg>
        <pc:spChg chg="add mod">
          <ac:chgData name="Lubomír Fojtů" userId="629ab448-eb35-4954-b771-bccc02d8ff90" providerId="ADAL" clId="{995FE33D-D744-4C25-9F36-CFCEF7D5137C}" dt="2019-04-01T08:16:57.397" v="19802"/>
          <ac:spMkLst>
            <pc:docMk/>
            <pc:sldMk cId="938656710" sldId="258"/>
            <ac:spMk id="4423" creationId="{D595C20C-79B9-4C94-A8D4-B5EF15F25F5E}"/>
          </ac:spMkLst>
        </pc:spChg>
        <pc:spChg chg="add mod">
          <ac:chgData name="Lubomír Fojtů" userId="629ab448-eb35-4954-b771-bccc02d8ff90" providerId="ADAL" clId="{995FE33D-D744-4C25-9F36-CFCEF7D5137C}" dt="2019-04-01T08:16:57.413" v="19840"/>
          <ac:spMkLst>
            <pc:docMk/>
            <pc:sldMk cId="938656710" sldId="258"/>
            <ac:spMk id="4424" creationId="{5719E3E0-D58E-4BD7-8E16-1D814DAF9F02}"/>
          </ac:spMkLst>
        </pc:spChg>
        <pc:spChg chg="add mod">
          <ac:chgData name="Lubomír Fojtů" userId="629ab448-eb35-4954-b771-bccc02d8ff90" providerId="ADAL" clId="{995FE33D-D744-4C25-9F36-CFCEF7D5137C}" dt="2019-04-01T08:16:57.444" v="19883"/>
          <ac:spMkLst>
            <pc:docMk/>
            <pc:sldMk cId="938656710" sldId="258"/>
            <ac:spMk id="4425" creationId="{CDBAB4AD-0A20-49E7-A6D4-2B73537D9C4C}"/>
          </ac:spMkLst>
        </pc:spChg>
        <pc:spChg chg="add mod">
          <ac:chgData name="Lubomír Fojtů" userId="629ab448-eb35-4954-b771-bccc02d8ff90" providerId="ADAL" clId="{995FE33D-D744-4C25-9F36-CFCEF7D5137C}" dt="2019-04-01T08:16:57.475" v="19925"/>
          <ac:spMkLst>
            <pc:docMk/>
            <pc:sldMk cId="938656710" sldId="258"/>
            <ac:spMk id="4426" creationId="{4D763FE7-869F-462E-8F07-472E34036AAD}"/>
          </ac:spMkLst>
        </pc:spChg>
        <pc:spChg chg="add mod">
          <ac:chgData name="Lubomír Fojtů" userId="629ab448-eb35-4954-b771-bccc02d8ff90" providerId="ADAL" clId="{995FE33D-D744-4C25-9F36-CFCEF7D5137C}" dt="2019-04-01T08:16:57.491" v="19963"/>
          <ac:spMkLst>
            <pc:docMk/>
            <pc:sldMk cId="938656710" sldId="258"/>
            <ac:spMk id="4427" creationId="{AE1AF1F0-335D-4F22-A534-D74135BBF1A8}"/>
          </ac:spMkLst>
        </pc:spChg>
        <pc:spChg chg="add mod">
          <ac:chgData name="Lubomír Fojtů" userId="629ab448-eb35-4954-b771-bccc02d8ff90" providerId="ADAL" clId="{995FE33D-D744-4C25-9F36-CFCEF7D5137C}" dt="2019-04-01T08:16:57.522" v="20006"/>
          <ac:spMkLst>
            <pc:docMk/>
            <pc:sldMk cId="938656710" sldId="258"/>
            <ac:spMk id="4428" creationId="{2582AECD-7537-491C-9016-D959D89FC715}"/>
          </ac:spMkLst>
        </pc:spChg>
        <pc:spChg chg="add mod">
          <ac:chgData name="Lubomír Fojtů" userId="629ab448-eb35-4954-b771-bccc02d8ff90" providerId="ADAL" clId="{995FE33D-D744-4C25-9F36-CFCEF7D5137C}" dt="2019-04-01T08:16:57.553" v="20048"/>
          <ac:spMkLst>
            <pc:docMk/>
            <pc:sldMk cId="938656710" sldId="258"/>
            <ac:spMk id="4429" creationId="{9BA376D9-2DF1-40F6-BA82-2A2521215705}"/>
          </ac:spMkLst>
        </pc:spChg>
        <pc:spChg chg="add mod">
          <ac:chgData name="Lubomír Fojtů" userId="629ab448-eb35-4954-b771-bccc02d8ff90" providerId="ADAL" clId="{995FE33D-D744-4C25-9F36-CFCEF7D5137C}" dt="2019-04-01T08:16:57.584" v="20086"/>
          <ac:spMkLst>
            <pc:docMk/>
            <pc:sldMk cId="938656710" sldId="258"/>
            <ac:spMk id="4430" creationId="{5EB527F9-5120-4615-9A11-7481DF75055D}"/>
          </ac:spMkLst>
        </pc:spChg>
        <pc:spChg chg="add mod">
          <ac:chgData name="Lubomír Fojtů" userId="629ab448-eb35-4954-b771-bccc02d8ff90" providerId="ADAL" clId="{995FE33D-D744-4C25-9F36-CFCEF7D5137C}" dt="2019-04-01T08:16:57.616" v="20129"/>
          <ac:spMkLst>
            <pc:docMk/>
            <pc:sldMk cId="938656710" sldId="258"/>
            <ac:spMk id="4431" creationId="{0FFA0FC4-3B61-42A4-BFBC-B5F19B6BA589}"/>
          </ac:spMkLst>
        </pc:spChg>
        <pc:spChg chg="add mod">
          <ac:chgData name="Lubomír Fojtů" userId="629ab448-eb35-4954-b771-bccc02d8ff90" providerId="ADAL" clId="{995FE33D-D744-4C25-9F36-CFCEF7D5137C}" dt="2019-04-01T08:16:57.647" v="20171"/>
          <ac:spMkLst>
            <pc:docMk/>
            <pc:sldMk cId="938656710" sldId="258"/>
            <ac:spMk id="4432" creationId="{7BDF7356-3BCC-491F-BD36-1D94042E8185}"/>
          </ac:spMkLst>
        </pc:spChg>
        <pc:spChg chg="add mod">
          <ac:chgData name="Lubomír Fojtů" userId="629ab448-eb35-4954-b771-bccc02d8ff90" providerId="ADAL" clId="{995FE33D-D744-4C25-9F36-CFCEF7D5137C}" dt="2019-04-01T08:16:57.663" v="20209"/>
          <ac:spMkLst>
            <pc:docMk/>
            <pc:sldMk cId="938656710" sldId="258"/>
            <ac:spMk id="4433" creationId="{56052ED5-C809-43FF-B6A5-8A531DE145E1}"/>
          </ac:spMkLst>
        </pc:spChg>
        <pc:spChg chg="add mod">
          <ac:chgData name="Lubomír Fojtů" userId="629ab448-eb35-4954-b771-bccc02d8ff90" providerId="ADAL" clId="{995FE33D-D744-4C25-9F36-CFCEF7D5137C}" dt="2019-04-01T08:16:57.694" v="20253"/>
          <ac:spMkLst>
            <pc:docMk/>
            <pc:sldMk cId="938656710" sldId="258"/>
            <ac:spMk id="4434" creationId="{BCABA7AC-B039-480D-94AA-C5A83FEE2D18}"/>
          </ac:spMkLst>
        </pc:spChg>
        <pc:spChg chg="add mod">
          <ac:chgData name="Lubomír Fojtů" userId="629ab448-eb35-4954-b771-bccc02d8ff90" providerId="ADAL" clId="{995FE33D-D744-4C25-9F36-CFCEF7D5137C}" dt="2019-04-01T08:16:57.725" v="20295"/>
          <ac:spMkLst>
            <pc:docMk/>
            <pc:sldMk cId="938656710" sldId="258"/>
            <ac:spMk id="4435" creationId="{E789AAFE-99E9-4CC5-9A05-24E3CD157F2C}"/>
          </ac:spMkLst>
        </pc:spChg>
        <pc:spChg chg="add mod">
          <ac:chgData name="Lubomír Fojtů" userId="629ab448-eb35-4954-b771-bccc02d8ff90" providerId="ADAL" clId="{995FE33D-D744-4C25-9F36-CFCEF7D5137C}" dt="2019-04-01T08:16:57.741" v="20333"/>
          <ac:spMkLst>
            <pc:docMk/>
            <pc:sldMk cId="938656710" sldId="258"/>
            <ac:spMk id="4436" creationId="{7F4A9BCD-0E20-4E79-A1FE-569000668797}"/>
          </ac:spMkLst>
        </pc:spChg>
        <pc:spChg chg="add mod">
          <ac:chgData name="Lubomír Fojtů" userId="629ab448-eb35-4954-b771-bccc02d8ff90" providerId="ADAL" clId="{995FE33D-D744-4C25-9F36-CFCEF7D5137C}" dt="2019-04-01T08:16:57.772" v="20377"/>
          <ac:spMkLst>
            <pc:docMk/>
            <pc:sldMk cId="938656710" sldId="258"/>
            <ac:spMk id="4437" creationId="{00256393-C266-4B16-B89D-E62C03A8CDCB}"/>
          </ac:spMkLst>
        </pc:spChg>
        <pc:spChg chg="add mod">
          <ac:chgData name="Lubomír Fojtů" userId="629ab448-eb35-4954-b771-bccc02d8ff90" providerId="ADAL" clId="{995FE33D-D744-4C25-9F36-CFCEF7D5137C}" dt="2019-04-01T08:16:57.803" v="20419"/>
          <ac:spMkLst>
            <pc:docMk/>
            <pc:sldMk cId="938656710" sldId="258"/>
            <ac:spMk id="4438" creationId="{6447A8F4-4881-4A49-8CA4-2FB707368075}"/>
          </ac:spMkLst>
        </pc:spChg>
        <pc:spChg chg="add mod">
          <ac:chgData name="Lubomír Fojtů" userId="629ab448-eb35-4954-b771-bccc02d8ff90" providerId="ADAL" clId="{995FE33D-D744-4C25-9F36-CFCEF7D5137C}" dt="2019-04-01T08:16:57.834" v="20457"/>
          <ac:spMkLst>
            <pc:docMk/>
            <pc:sldMk cId="938656710" sldId="258"/>
            <ac:spMk id="4439" creationId="{44D45706-819D-4DF5-91A1-5DB6732D40C0}"/>
          </ac:spMkLst>
        </pc:spChg>
        <pc:spChg chg="add mod">
          <ac:chgData name="Lubomír Fojtů" userId="629ab448-eb35-4954-b771-bccc02d8ff90" providerId="ADAL" clId="{995FE33D-D744-4C25-9F36-CFCEF7D5137C}" dt="2019-04-01T08:16:57.866" v="20501"/>
          <ac:spMkLst>
            <pc:docMk/>
            <pc:sldMk cId="938656710" sldId="258"/>
            <ac:spMk id="4440" creationId="{8D7C272E-7BF3-491C-837D-883D7CFB255E}"/>
          </ac:spMkLst>
        </pc:spChg>
        <pc:spChg chg="add mod">
          <ac:chgData name="Lubomír Fojtů" userId="629ab448-eb35-4954-b771-bccc02d8ff90" providerId="ADAL" clId="{995FE33D-D744-4C25-9F36-CFCEF7D5137C}" dt="2019-04-01T08:16:57.897" v="20543"/>
          <ac:spMkLst>
            <pc:docMk/>
            <pc:sldMk cId="938656710" sldId="258"/>
            <ac:spMk id="4441" creationId="{6FA2F113-B8BB-47DB-AD58-E3E5300D1DAC}"/>
          </ac:spMkLst>
        </pc:spChg>
        <pc:spChg chg="add mod">
          <ac:chgData name="Lubomír Fojtů" userId="629ab448-eb35-4954-b771-bccc02d8ff90" providerId="ADAL" clId="{995FE33D-D744-4C25-9F36-CFCEF7D5137C}" dt="2019-04-01T08:16:57.912" v="20581"/>
          <ac:spMkLst>
            <pc:docMk/>
            <pc:sldMk cId="938656710" sldId="258"/>
            <ac:spMk id="4442" creationId="{747BBCF3-2ECE-49C5-B169-0D1928DD9D32}"/>
          </ac:spMkLst>
        </pc:spChg>
        <pc:spChg chg="add mod">
          <ac:chgData name="Lubomír Fojtů" userId="629ab448-eb35-4954-b771-bccc02d8ff90" providerId="ADAL" clId="{995FE33D-D744-4C25-9F36-CFCEF7D5137C}" dt="2019-04-01T08:16:57.928" v="20617"/>
          <ac:spMkLst>
            <pc:docMk/>
            <pc:sldMk cId="938656710" sldId="258"/>
            <ac:spMk id="4443" creationId="{7D58AD25-4649-4883-8927-F0A7BC7BD3BE}"/>
          </ac:spMkLst>
        </pc:spChg>
        <pc:spChg chg="add mod">
          <ac:chgData name="Lubomír Fojtů" userId="629ab448-eb35-4954-b771-bccc02d8ff90" providerId="ADAL" clId="{995FE33D-D744-4C25-9F36-CFCEF7D5137C}" dt="2019-04-01T08:16:57.928" v="20620"/>
          <ac:spMkLst>
            <pc:docMk/>
            <pc:sldMk cId="938656710" sldId="258"/>
            <ac:spMk id="4444" creationId="{4B73BC32-F3B2-4653-A29C-7711E0984BE3}"/>
          </ac:spMkLst>
        </pc:spChg>
        <pc:spChg chg="add mod">
          <ac:chgData name="Lubomír Fojtů" userId="629ab448-eb35-4954-b771-bccc02d8ff90" providerId="ADAL" clId="{995FE33D-D744-4C25-9F36-CFCEF7D5137C}" dt="2019-04-01T08:16:57.959" v="20658"/>
          <ac:spMkLst>
            <pc:docMk/>
            <pc:sldMk cId="938656710" sldId="258"/>
            <ac:spMk id="4445" creationId="{836921D7-684B-4231-9195-F2EF0A84C365}"/>
          </ac:spMkLst>
        </pc:spChg>
        <pc:spChg chg="add mod">
          <ac:chgData name="Lubomír Fojtů" userId="629ab448-eb35-4954-b771-bccc02d8ff90" providerId="ADAL" clId="{995FE33D-D744-4C25-9F36-CFCEF7D5137C}" dt="2019-04-01T08:16:57.991" v="20696"/>
          <ac:spMkLst>
            <pc:docMk/>
            <pc:sldMk cId="938656710" sldId="258"/>
            <ac:spMk id="4446" creationId="{56345F6E-2D70-4D01-9E12-28FED9DCDEA5}"/>
          </ac:spMkLst>
        </pc:spChg>
        <pc:spChg chg="add mod">
          <ac:chgData name="Lubomír Fojtů" userId="629ab448-eb35-4954-b771-bccc02d8ff90" providerId="ADAL" clId="{995FE33D-D744-4C25-9F36-CFCEF7D5137C}" dt="2019-04-01T08:16:58.022" v="20734"/>
          <ac:spMkLst>
            <pc:docMk/>
            <pc:sldMk cId="938656710" sldId="258"/>
            <ac:spMk id="4447" creationId="{431E597F-DF1E-462A-87C0-85EFA7B3859B}"/>
          </ac:spMkLst>
        </pc:spChg>
        <pc:spChg chg="add mod">
          <ac:chgData name="Lubomír Fojtů" userId="629ab448-eb35-4954-b771-bccc02d8ff90" providerId="ADAL" clId="{995FE33D-D744-4C25-9F36-CFCEF7D5137C}" dt="2019-04-01T08:16:58.053" v="20772"/>
          <ac:spMkLst>
            <pc:docMk/>
            <pc:sldMk cId="938656710" sldId="258"/>
            <ac:spMk id="4448" creationId="{8E947E99-DAA1-4B5B-8154-C4EFB46EC305}"/>
          </ac:spMkLst>
        </pc:spChg>
        <pc:spChg chg="add mod">
          <ac:chgData name="Lubomír Fojtů" userId="629ab448-eb35-4954-b771-bccc02d8ff90" providerId="ADAL" clId="{995FE33D-D744-4C25-9F36-CFCEF7D5137C}" dt="2019-04-01T08:16:58.084" v="20818"/>
          <ac:spMkLst>
            <pc:docMk/>
            <pc:sldMk cId="938656710" sldId="258"/>
            <ac:spMk id="4449" creationId="{34C27077-D8F4-45B4-9E5E-CEEDEA22D340}"/>
          </ac:spMkLst>
        </pc:spChg>
        <pc:spChg chg="add mod">
          <ac:chgData name="Lubomír Fojtů" userId="629ab448-eb35-4954-b771-bccc02d8ff90" providerId="ADAL" clId="{995FE33D-D744-4C25-9F36-CFCEF7D5137C}" dt="2019-04-01T08:16:58.116" v="20860"/>
          <ac:spMkLst>
            <pc:docMk/>
            <pc:sldMk cId="938656710" sldId="258"/>
            <ac:spMk id="4450" creationId="{E55892F6-E0B0-47FB-BE1B-30DA5EEFD51F}"/>
          </ac:spMkLst>
        </pc:spChg>
        <pc:spChg chg="add mod">
          <ac:chgData name="Lubomír Fojtů" userId="629ab448-eb35-4954-b771-bccc02d8ff90" providerId="ADAL" clId="{995FE33D-D744-4C25-9F36-CFCEF7D5137C}" dt="2019-04-01T08:16:58.131" v="20896"/>
          <ac:spMkLst>
            <pc:docMk/>
            <pc:sldMk cId="938656710" sldId="258"/>
            <ac:spMk id="4451" creationId="{0638B904-FAB6-4BE4-8C03-2968D3E73B18}"/>
          </ac:spMkLst>
        </pc:spChg>
        <pc:spChg chg="add mod">
          <ac:chgData name="Lubomír Fojtů" userId="629ab448-eb35-4954-b771-bccc02d8ff90" providerId="ADAL" clId="{995FE33D-D744-4C25-9F36-CFCEF7D5137C}" dt="2019-04-01T08:16:58.131" v="20899"/>
          <ac:spMkLst>
            <pc:docMk/>
            <pc:sldMk cId="938656710" sldId="258"/>
            <ac:spMk id="4452" creationId="{FC643C7D-D1E9-422C-9EFC-D5B0116228C0}"/>
          </ac:spMkLst>
        </pc:spChg>
        <pc:spChg chg="add mod">
          <ac:chgData name="Lubomír Fojtů" userId="629ab448-eb35-4954-b771-bccc02d8ff90" providerId="ADAL" clId="{995FE33D-D744-4C25-9F36-CFCEF7D5137C}" dt="2019-04-01T08:16:58.162" v="20937"/>
          <ac:spMkLst>
            <pc:docMk/>
            <pc:sldMk cId="938656710" sldId="258"/>
            <ac:spMk id="4453" creationId="{52FE7F2B-1943-4B37-BDD7-5B7B4EAA8775}"/>
          </ac:spMkLst>
        </pc:spChg>
        <pc:spChg chg="add mod">
          <ac:chgData name="Lubomír Fojtů" userId="629ab448-eb35-4954-b771-bccc02d8ff90" providerId="ADAL" clId="{995FE33D-D744-4C25-9F36-CFCEF7D5137C}" dt="2019-04-01T08:16:58.194" v="20975"/>
          <ac:spMkLst>
            <pc:docMk/>
            <pc:sldMk cId="938656710" sldId="258"/>
            <ac:spMk id="4454" creationId="{99898A2B-131C-465F-A420-C0C4FE707D1F}"/>
          </ac:spMkLst>
        </pc:spChg>
        <pc:spChg chg="add mod">
          <ac:chgData name="Lubomír Fojtů" userId="629ab448-eb35-4954-b771-bccc02d8ff90" providerId="ADAL" clId="{995FE33D-D744-4C25-9F36-CFCEF7D5137C}" dt="2019-04-01T08:16:58.225" v="21013"/>
          <ac:spMkLst>
            <pc:docMk/>
            <pc:sldMk cId="938656710" sldId="258"/>
            <ac:spMk id="4455" creationId="{D188D73E-379C-4AFF-BC58-51741C207A35}"/>
          </ac:spMkLst>
        </pc:spChg>
        <pc:spChg chg="add mod">
          <ac:chgData name="Lubomír Fojtů" userId="629ab448-eb35-4954-b771-bccc02d8ff90" providerId="ADAL" clId="{995FE33D-D744-4C25-9F36-CFCEF7D5137C}" dt="2019-04-01T08:16:58.256" v="21051"/>
          <ac:spMkLst>
            <pc:docMk/>
            <pc:sldMk cId="938656710" sldId="258"/>
            <ac:spMk id="4456" creationId="{7794E22D-5BEE-4B13-86F1-8F8E0A538257}"/>
          </ac:spMkLst>
        </pc:spChg>
        <pc:spChg chg="add mod">
          <ac:chgData name="Lubomír Fojtů" userId="629ab448-eb35-4954-b771-bccc02d8ff90" providerId="ADAL" clId="{995FE33D-D744-4C25-9F36-CFCEF7D5137C}" dt="2019-04-01T08:16:58.287" v="21097"/>
          <ac:spMkLst>
            <pc:docMk/>
            <pc:sldMk cId="938656710" sldId="258"/>
            <ac:spMk id="4457" creationId="{ED763187-8680-4ECB-B926-9BA5705C8825}"/>
          </ac:spMkLst>
        </pc:spChg>
        <pc:spChg chg="add mod">
          <ac:chgData name="Lubomír Fojtů" userId="629ab448-eb35-4954-b771-bccc02d8ff90" providerId="ADAL" clId="{995FE33D-D744-4C25-9F36-CFCEF7D5137C}" dt="2019-04-01T08:16:58.319" v="21139"/>
          <ac:spMkLst>
            <pc:docMk/>
            <pc:sldMk cId="938656710" sldId="258"/>
            <ac:spMk id="4458" creationId="{E447E582-89F7-48CC-AC8A-7D0A9B76FFF0}"/>
          </ac:spMkLst>
        </pc:spChg>
        <pc:spChg chg="add mod">
          <ac:chgData name="Lubomír Fojtů" userId="629ab448-eb35-4954-b771-bccc02d8ff90" providerId="ADAL" clId="{995FE33D-D744-4C25-9F36-CFCEF7D5137C}" dt="2019-04-01T08:16:58.334" v="21175"/>
          <ac:spMkLst>
            <pc:docMk/>
            <pc:sldMk cId="938656710" sldId="258"/>
            <ac:spMk id="4459" creationId="{3486232E-3E63-4EAE-B152-C5809BD51198}"/>
          </ac:spMkLst>
        </pc:spChg>
        <pc:spChg chg="add mod">
          <ac:chgData name="Lubomír Fojtů" userId="629ab448-eb35-4954-b771-bccc02d8ff90" providerId="ADAL" clId="{995FE33D-D744-4C25-9F36-CFCEF7D5137C}" dt="2019-04-01T08:16:58.334" v="21178"/>
          <ac:spMkLst>
            <pc:docMk/>
            <pc:sldMk cId="938656710" sldId="258"/>
            <ac:spMk id="4460" creationId="{BC2BC900-7582-4FA1-A6E3-A796EDC2BEA2}"/>
          </ac:spMkLst>
        </pc:spChg>
        <pc:spChg chg="add mod">
          <ac:chgData name="Lubomír Fojtů" userId="629ab448-eb35-4954-b771-bccc02d8ff90" providerId="ADAL" clId="{995FE33D-D744-4C25-9F36-CFCEF7D5137C}" dt="2019-04-01T08:16:58.365" v="21216"/>
          <ac:spMkLst>
            <pc:docMk/>
            <pc:sldMk cId="938656710" sldId="258"/>
            <ac:spMk id="4461" creationId="{A5A8337C-2F88-4242-9F76-BFA96EB223C7}"/>
          </ac:spMkLst>
        </pc:spChg>
        <pc:spChg chg="add mod">
          <ac:chgData name="Lubomír Fojtů" userId="629ab448-eb35-4954-b771-bccc02d8ff90" providerId="ADAL" clId="{995FE33D-D744-4C25-9F36-CFCEF7D5137C}" dt="2019-04-01T08:16:58.397" v="21254"/>
          <ac:spMkLst>
            <pc:docMk/>
            <pc:sldMk cId="938656710" sldId="258"/>
            <ac:spMk id="4462" creationId="{30349393-B993-4FBC-BD89-E2597CA4E9BF}"/>
          </ac:spMkLst>
        </pc:spChg>
        <pc:spChg chg="add mod">
          <ac:chgData name="Lubomír Fojtů" userId="629ab448-eb35-4954-b771-bccc02d8ff90" providerId="ADAL" clId="{995FE33D-D744-4C25-9F36-CFCEF7D5137C}" dt="2019-04-01T08:16:58.428" v="21292"/>
          <ac:spMkLst>
            <pc:docMk/>
            <pc:sldMk cId="938656710" sldId="258"/>
            <ac:spMk id="4463" creationId="{842603C8-D6E3-4892-9562-C1A0D12FBC79}"/>
          </ac:spMkLst>
        </pc:spChg>
        <pc:spChg chg="add mod">
          <ac:chgData name="Lubomír Fojtů" userId="629ab448-eb35-4954-b771-bccc02d8ff90" providerId="ADAL" clId="{995FE33D-D744-4C25-9F36-CFCEF7D5137C}" dt="2019-04-01T08:16:58.459" v="21330"/>
          <ac:spMkLst>
            <pc:docMk/>
            <pc:sldMk cId="938656710" sldId="258"/>
            <ac:spMk id="4464" creationId="{3F6086A9-B036-4ABD-8F4B-E1B295E381B5}"/>
          </ac:spMkLst>
        </pc:spChg>
        <pc:spChg chg="add mod">
          <ac:chgData name="Lubomír Fojtů" userId="629ab448-eb35-4954-b771-bccc02d8ff90" providerId="ADAL" clId="{995FE33D-D744-4C25-9F36-CFCEF7D5137C}" dt="2019-04-01T08:16:58.490" v="21375"/>
          <ac:spMkLst>
            <pc:docMk/>
            <pc:sldMk cId="938656710" sldId="258"/>
            <ac:spMk id="4465" creationId="{42519C2F-4AB5-401C-BCD5-223108D1B2AC}"/>
          </ac:spMkLst>
        </pc:spChg>
        <pc:spChg chg="add mod">
          <ac:chgData name="Lubomír Fojtů" userId="629ab448-eb35-4954-b771-bccc02d8ff90" providerId="ADAL" clId="{995FE33D-D744-4C25-9F36-CFCEF7D5137C}" dt="2019-04-01T08:16:58.522" v="21417"/>
          <ac:spMkLst>
            <pc:docMk/>
            <pc:sldMk cId="938656710" sldId="258"/>
            <ac:spMk id="4466" creationId="{FF301A87-2906-4066-8D08-5B177801A215}"/>
          </ac:spMkLst>
        </pc:spChg>
        <pc:spChg chg="add mod">
          <ac:chgData name="Lubomír Fojtů" userId="629ab448-eb35-4954-b771-bccc02d8ff90" providerId="ADAL" clId="{995FE33D-D744-4C25-9F36-CFCEF7D5137C}" dt="2019-04-01T08:16:58.553" v="21454"/>
          <ac:spMkLst>
            <pc:docMk/>
            <pc:sldMk cId="938656710" sldId="258"/>
            <ac:spMk id="4467" creationId="{1883F006-97A3-4F40-A135-103E3A627E82}"/>
          </ac:spMkLst>
        </pc:spChg>
        <pc:spChg chg="add mod">
          <ac:chgData name="Lubomír Fojtů" userId="629ab448-eb35-4954-b771-bccc02d8ff90" providerId="ADAL" clId="{995FE33D-D744-4C25-9F36-CFCEF7D5137C}" dt="2019-04-01T08:16:58.553" v="21458"/>
          <ac:spMkLst>
            <pc:docMk/>
            <pc:sldMk cId="938656710" sldId="258"/>
            <ac:spMk id="4468" creationId="{CC8E0B1A-7FD5-4F3A-97FB-DEF287346E68}"/>
          </ac:spMkLst>
        </pc:spChg>
        <pc:spChg chg="add mod">
          <ac:chgData name="Lubomír Fojtů" userId="629ab448-eb35-4954-b771-bccc02d8ff90" providerId="ADAL" clId="{995FE33D-D744-4C25-9F36-CFCEF7D5137C}" dt="2019-04-01T08:16:58.584" v="21496"/>
          <ac:spMkLst>
            <pc:docMk/>
            <pc:sldMk cId="938656710" sldId="258"/>
            <ac:spMk id="4469" creationId="{08AB0FB5-7856-44AC-ADA4-6A94EF3AEF53}"/>
          </ac:spMkLst>
        </pc:spChg>
        <pc:spChg chg="add mod">
          <ac:chgData name="Lubomír Fojtů" userId="629ab448-eb35-4954-b771-bccc02d8ff90" providerId="ADAL" clId="{995FE33D-D744-4C25-9F36-CFCEF7D5137C}" dt="2019-04-01T08:16:58.615" v="21534"/>
          <ac:spMkLst>
            <pc:docMk/>
            <pc:sldMk cId="938656710" sldId="258"/>
            <ac:spMk id="4470" creationId="{8B606BAE-536B-4F47-B038-C7747D04016A}"/>
          </ac:spMkLst>
        </pc:spChg>
        <pc:spChg chg="add mod">
          <ac:chgData name="Lubomír Fojtů" userId="629ab448-eb35-4954-b771-bccc02d8ff90" providerId="ADAL" clId="{995FE33D-D744-4C25-9F36-CFCEF7D5137C}" dt="2019-04-01T08:16:58.631" v="21572"/>
          <ac:spMkLst>
            <pc:docMk/>
            <pc:sldMk cId="938656710" sldId="258"/>
            <ac:spMk id="4471" creationId="{524C8396-2F96-47D8-8BA0-8041D6CD90DA}"/>
          </ac:spMkLst>
        </pc:spChg>
        <pc:spChg chg="add mod">
          <ac:chgData name="Lubomír Fojtů" userId="629ab448-eb35-4954-b771-bccc02d8ff90" providerId="ADAL" clId="{995FE33D-D744-4C25-9F36-CFCEF7D5137C}" dt="2019-04-01T08:16:58.662" v="21610"/>
          <ac:spMkLst>
            <pc:docMk/>
            <pc:sldMk cId="938656710" sldId="258"/>
            <ac:spMk id="4472" creationId="{EAA2D62B-DB57-4A36-937F-89A3539CCF87}"/>
          </ac:spMkLst>
        </pc:spChg>
        <pc:spChg chg="add mod">
          <ac:chgData name="Lubomír Fojtů" userId="629ab448-eb35-4954-b771-bccc02d8ff90" providerId="ADAL" clId="{995FE33D-D744-4C25-9F36-CFCEF7D5137C}" dt="2019-04-01T08:16:58.709" v="21654"/>
          <ac:spMkLst>
            <pc:docMk/>
            <pc:sldMk cId="938656710" sldId="258"/>
            <ac:spMk id="4473" creationId="{C1BC2C60-1AD9-4478-AFDE-841D3EA046C3}"/>
          </ac:spMkLst>
        </pc:spChg>
        <pc:spChg chg="add mod">
          <ac:chgData name="Lubomír Fojtů" userId="629ab448-eb35-4954-b771-bccc02d8ff90" providerId="ADAL" clId="{995FE33D-D744-4C25-9F36-CFCEF7D5137C}" dt="2019-04-01T08:16:58.740" v="21696"/>
          <ac:spMkLst>
            <pc:docMk/>
            <pc:sldMk cId="938656710" sldId="258"/>
            <ac:spMk id="4474" creationId="{59DEE69F-2236-4DBC-BCBE-F5C1CBB94010}"/>
          </ac:spMkLst>
        </pc:spChg>
        <pc:spChg chg="add mod">
          <ac:chgData name="Lubomír Fojtů" userId="629ab448-eb35-4954-b771-bccc02d8ff90" providerId="ADAL" clId="{995FE33D-D744-4C25-9F36-CFCEF7D5137C}" dt="2019-04-01T08:16:58.756" v="21732"/>
          <ac:spMkLst>
            <pc:docMk/>
            <pc:sldMk cId="938656710" sldId="258"/>
            <ac:spMk id="4475" creationId="{7BC2A85C-1E78-4776-8ED1-E7941A2D82DA}"/>
          </ac:spMkLst>
        </pc:spChg>
        <pc:spChg chg="add mod">
          <ac:chgData name="Lubomír Fojtů" userId="629ab448-eb35-4954-b771-bccc02d8ff90" providerId="ADAL" clId="{995FE33D-D744-4C25-9F36-CFCEF7D5137C}" dt="2019-04-01T08:16:58.756" v="21735"/>
          <ac:spMkLst>
            <pc:docMk/>
            <pc:sldMk cId="938656710" sldId="258"/>
            <ac:spMk id="4476" creationId="{28629A3B-CE16-439F-9DD3-75CA34B37A7A}"/>
          </ac:spMkLst>
        </pc:spChg>
        <pc:spChg chg="add mod">
          <ac:chgData name="Lubomír Fojtů" userId="629ab448-eb35-4954-b771-bccc02d8ff90" providerId="ADAL" clId="{995FE33D-D744-4C25-9F36-CFCEF7D5137C}" dt="2019-04-01T08:16:58.787" v="21773"/>
          <ac:spMkLst>
            <pc:docMk/>
            <pc:sldMk cId="938656710" sldId="258"/>
            <ac:spMk id="4477" creationId="{014BB84E-8FB2-4CD4-8C7B-41F578C1B1EC}"/>
          </ac:spMkLst>
        </pc:spChg>
        <pc:spChg chg="add mod">
          <ac:chgData name="Lubomír Fojtů" userId="629ab448-eb35-4954-b771-bccc02d8ff90" providerId="ADAL" clId="{995FE33D-D744-4C25-9F36-CFCEF7D5137C}" dt="2019-04-01T08:16:58.819" v="21811"/>
          <ac:spMkLst>
            <pc:docMk/>
            <pc:sldMk cId="938656710" sldId="258"/>
            <ac:spMk id="4478" creationId="{AE904018-A458-4C36-BCBE-4A278D5C85DB}"/>
          </ac:spMkLst>
        </pc:spChg>
        <pc:spChg chg="add mod">
          <ac:chgData name="Lubomír Fojtů" userId="629ab448-eb35-4954-b771-bccc02d8ff90" providerId="ADAL" clId="{995FE33D-D744-4C25-9F36-CFCEF7D5137C}" dt="2019-04-01T08:16:58.850" v="21849"/>
          <ac:spMkLst>
            <pc:docMk/>
            <pc:sldMk cId="938656710" sldId="258"/>
            <ac:spMk id="4479" creationId="{B1560C1C-96AA-4D24-BAB1-9A261C77FEF2}"/>
          </ac:spMkLst>
        </pc:spChg>
        <pc:spChg chg="add mod">
          <ac:chgData name="Lubomír Fojtů" userId="629ab448-eb35-4954-b771-bccc02d8ff90" providerId="ADAL" clId="{995FE33D-D744-4C25-9F36-CFCEF7D5137C}" dt="2019-04-01T08:16:58.881" v="21887"/>
          <ac:spMkLst>
            <pc:docMk/>
            <pc:sldMk cId="938656710" sldId="258"/>
            <ac:spMk id="4480" creationId="{943E0DB6-173C-4D14-B5F7-11CF219ECF0D}"/>
          </ac:spMkLst>
        </pc:spChg>
        <pc:spChg chg="add mod">
          <ac:chgData name="Lubomír Fojtů" userId="629ab448-eb35-4954-b771-bccc02d8ff90" providerId="ADAL" clId="{995FE33D-D744-4C25-9F36-CFCEF7D5137C}" dt="2019-04-01T08:16:58.912" v="21925"/>
          <ac:spMkLst>
            <pc:docMk/>
            <pc:sldMk cId="938656710" sldId="258"/>
            <ac:spMk id="4481" creationId="{A7564789-DF19-4F78-A85F-982569B17EEC}"/>
          </ac:spMkLst>
        </pc:spChg>
        <pc:spChg chg="add mod">
          <ac:chgData name="Lubomír Fojtů" userId="629ab448-eb35-4954-b771-bccc02d8ff90" providerId="ADAL" clId="{995FE33D-D744-4C25-9F36-CFCEF7D5137C}" dt="2019-04-01T08:16:58.943" v="21969"/>
          <ac:spMkLst>
            <pc:docMk/>
            <pc:sldMk cId="938656710" sldId="258"/>
            <ac:spMk id="4482" creationId="{E88D7FC7-252C-4098-AED9-C848B229CDFD}"/>
          </ac:spMkLst>
        </pc:spChg>
        <pc:spChg chg="add mod">
          <ac:chgData name="Lubomír Fojtů" userId="629ab448-eb35-4954-b771-bccc02d8ff90" providerId="ADAL" clId="{995FE33D-D744-4C25-9F36-CFCEF7D5137C}" dt="2019-04-01T08:16:58.975" v="22005"/>
          <ac:spMkLst>
            <pc:docMk/>
            <pc:sldMk cId="938656710" sldId="258"/>
            <ac:spMk id="4483" creationId="{B5E069E9-964C-47F9-9C9A-155B75A87488}"/>
          </ac:spMkLst>
        </pc:spChg>
        <pc:spChg chg="add mod">
          <ac:chgData name="Lubomír Fojtů" userId="629ab448-eb35-4954-b771-bccc02d8ff90" providerId="ADAL" clId="{995FE33D-D744-4C25-9F36-CFCEF7D5137C}" dt="2019-04-01T08:16:58.975" v="22008"/>
          <ac:spMkLst>
            <pc:docMk/>
            <pc:sldMk cId="938656710" sldId="258"/>
            <ac:spMk id="4484" creationId="{3D6201E9-F2D9-47AA-BE09-BFE38564A498}"/>
          </ac:spMkLst>
        </pc:spChg>
        <pc:spChg chg="add mod">
          <ac:chgData name="Lubomír Fojtů" userId="629ab448-eb35-4954-b771-bccc02d8ff90" providerId="ADAL" clId="{995FE33D-D744-4C25-9F36-CFCEF7D5137C}" dt="2019-04-01T08:16:59.006" v="22046"/>
          <ac:spMkLst>
            <pc:docMk/>
            <pc:sldMk cId="938656710" sldId="258"/>
            <ac:spMk id="4485" creationId="{CA74BD6C-2826-4ACD-88A5-87263E461D06}"/>
          </ac:spMkLst>
        </pc:spChg>
        <pc:spChg chg="add mod">
          <ac:chgData name="Lubomír Fojtů" userId="629ab448-eb35-4954-b771-bccc02d8ff90" providerId="ADAL" clId="{995FE33D-D744-4C25-9F36-CFCEF7D5137C}" dt="2019-04-01T08:16:59.037" v="22084"/>
          <ac:spMkLst>
            <pc:docMk/>
            <pc:sldMk cId="938656710" sldId="258"/>
            <ac:spMk id="4486" creationId="{99DB9387-624A-47DC-B1A4-19D5F4084DAF}"/>
          </ac:spMkLst>
        </pc:spChg>
        <pc:spChg chg="add mod">
          <ac:chgData name="Lubomír Fojtů" userId="629ab448-eb35-4954-b771-bccc02d8ff90" providerId="ADAL" clId="{995FE33D-D744-4C25-9F36-CFCEF7D5137C}" dt="2019-04-01T08:16:59.068" v="22122"/>
          <ac:spMkLst>
            <pc:docMk/>
            <pc:sldMk cId="938656710" sldId="258"/>
            <ac:spMk id="4487" creationId="{EA451C9D-2A39-4894-B530-5D535CEDD90C}"/>
          </ac:spMkLst>
        </pc:spChg>
        <pc:spChg chg="add mod">
          <ac:chgData name="Lubomír Fojtů" userId="629ab448-eb35-4954-b771-bccc02d8ff90" providerId="ADAL" clId="{995FE33D-D744-4C25-9F36-CFCEF7D5137C}" dt="2019-04-01T08:16:59.100" v="22160"/>
          <ac:spMkLst>
            <pc:docMk/>
            <pc:sldMk cId="938656710" sldId="258"/>
            <ac:spMk id="4488" creationId="{A498C5E3-696A-4B3C-89D0-C7D29CB725B3}"/>
          </ac:spMkLst>
        </pc:spChg>
        <pc:spChg chg="add mod">
          <ac:chgData name="Lubomír Fojtů" userId="629ab448-eb35-4954-b771-bccc02d8ff90" providerId="ADAL" clId="{995FE33D-D744-4C25-9F36-CFCEF7D5137C}" dt="2019-04-01T08:16:59.131" v="22204"/>
          <ac:spMkLst>
            <pc:docMk/>
            <pc:sldMk cId="938656710" sldId="258"/>
            <ac:spMk id="4489" creationId="{171335A3-3FCB-4F72-912D-5B69049CC45A}"/>
          </ac:spMkLst>
        </pc:spChg>
        <pc:spChg chg="add mod">
          <ac:chgData name="Lubomír Fojtů" userId="629ab448-eb35-4954-b771-bccc02d8ff90" providerId="ADAL" clId="{995FE33D-D744-4C25-9F36-CFCEF7D5137C}" dt="2019-04-01T08:16:59.162" v="22246"/>
          <ac:spMkLst>
            <pc:docMk/>
            <pc:sldMk cId="938656710" sldId="258"/>
            <ac:spMk id="4490" creationId="{D5D0A9E3-FB45-4919-BEE1-DD7332055660}"/>
          </ac:spMkLst>
        </pc:spChg>
        <pc:spChg chg="add mod">
          <ac:chgData name="Lubomír Fojtů" userId="629ab448-eb35-4954-b771-bccc02d8ff90" providerId="ADAL" clId="{995FE33D-D744-4C25-9F36-CFCEF7D5137C}" dt="2019-04-01T08:16:59.178" v="22282"/>
          <ac:spMkLst>
            <pc:docMk/>
            <pc:sldMk cId="938656710" sldId="258"/>
            <ac:spMk id="4491" creationId="{90BB55F7-745D-4AB7-83DC-992A19026D78}"/>
          </ac:spMkLst>
        </pc:spChg>
        <pc:spChg chg="add mod">
          <ac:chgData name="Lubomír Fojtů" userId="629ab448-eb35-4954-b771-bccc02d8ff90" providerId="ADAL" clId="{995FE33D-D744-4C25-9F36-CFCEF7D5137C}" dt="2019-04-01T08:16:59.193" v="22285"/>
          <ac:spMkLst>
            <pc:docMk/>
            <pc:sldMk cId="938656710" sldId="258"/>
            <ac:spMk id="4492" creationId="{5D0FDA52-AC56-4C04-B577-040A8649F2C8}"/>
          </ac:spMkLst>
        </pc:spChg>
        <pc:spChg chg="add mod">
          <ac:chgData name="Lubomír Fojtů" userId="629ab448-eb35-4954-b771-bccc02d8ff90" providerId="ADAL" clId="{995FE33D-D744-4C25-9F36-CFCEF7D5137C}" dt="2019-04-01T08:16:59.209" v="22323"/>
          <ac:spMkLst>
            <pc:docMk/>
            <pc:sldMk cId="938656710" sldId="258"/>
            <ac:spMk id="4493" creationId="{26A80F59-B0F1-40D8-BCDB-A99C46CCF660}"/>
          </ac:spMkLst>
        </pc:spChg>
        <pc:spChg chg="add mod">
          <ac:chgData name="Lubomír Fojtů" userId="629ab448-eb35-4954-b771-bccc02d8ff90" providerId="ADAL" clId="{995FE33D-D744-4C25-9F36-CFCEF7D5137C}" dt="2019-04-01T08:16:59.240" v="22361"/>
          <ac:spMkLst>
            <pc:docMk/>
            <pc:sldMk cId="938656710" sldId="258"/>
            <ac:spMk id="4494" creationId="{6B8E7086-56B1-405E-9E2C-2AC36D7F6750}"/>
          </ac:spMkLst>
        </pc:spChg>
        <pc:spChg chg="add mod">
          <ac:chgData name="Lubomír Fojtů" userId="629ab448-eb35-4954-b771-bccc02d8ff90" providerId="ADAL" clId="{995FE33D-D744-4C25-9F36-CFCEF7D5137C}" dt="2019-04-01T08:16:59.272" v="22399"/>
          <ac:spMkLst>
            <pc:docMk/>
            <pc:sldMk cId="938656710" sldId="258"/>
            <ac:spMk id="4495" creationId="{BA10D52B-3DCF-438D-A4F5-281882F801E4}"/>
          </ac:spMkLst>
        </pc:spChg>
        <pc:spChg chg="add mod">
          <ac:chgData name="Lubomír Fojtů" userId="629ab448-eb35-4954-b771-bccc02d8ff90" providerId="ADAL" clId="{995FE33D-D744-4C25-9F36-CFCEF7D5137C}" dt="2019-04-01T08:16:59.303" v="22437"/>
          <ac:spMkLst>
            <pc:docMk/>
            <pc:sldMk cId="938656710" sldId="258"/>
            <ac:spMk id="4496" creationId="{F248E0D0-BF0E-473C-B4C3-983B5BDC4BAB}"/>
          </ac:spMkLst>
        </pc:spChg>
        <pc:spChg chg="add mod">
          <ac:chgData name="Lubomír Fojtů" userId="629ab448-eb35-4954-b771-bccc02d8ff90" providerId="ADAL" clId="{995FE33D-D744-4C25-9F36-CFCEF7D5137C}" dt="2019-04-01T08:16:59.350" v="22482"/>
          <ac:spMkLst>
            <pc:docMk/>
            <pc:sldMk cId="938656710" sldId="258"/>
            <ac:spMk id="4497" creationId="{BAA9D681-4D7C-4FE7-981B-7DF563492247}"/>
          </ac:spMkLst>
        </pc:spChg>
        <pc:spChg chg="add mod">
          <ac:chgData name="Lubomír Fojtů" userId="629ab448-eb35-4954-b771-bccc02d8ff90" providerId="ADAL" clId="{995FE33D-D744-4C25-9F36-CFCEF7D5137C}" dt="2019-04-01T08:16:59.381" v="22524"/>
          <ac:spMkLst>
            <pc:docMk/>
            <pc:sldMk cId="938656710" sldId="258"/>
            <ac:spMk id="4498" creationId="{98947D88-8254-49A5-AC14-FDF1D7CC483D}"/>
          </ac:spMkLst>
        </pc:spChg>
        <pc:spChg chg="add mod">
          <ac:chgData name="Lubomír Fojtů" userId="629ab448-eb35-4954-b771-bccc02d8ff90" providerId="ADAL" clId="{995FE33D-D744-4C25-9F36-CFCEF7D5137C}" dt="2019-04-01T08:16:59.396" v="22560"/>
          <ac:spMkLst>
            <pc:docMk/>
            <pc:sldMk cId="938656710" sldId="258"/>
            <ac:spMk id="4499" creationId="{879052FB-1D85-4B17-8748-3CE5B660E22D}"/>
          </ac:spMkLst>
        </pc:spChg>
        <pc:spChg chg="add mod">
          <ac:chgData name="Lubomír Fojtů" userId="629ab448-eb35-4954-b771-bccc02d8ff90" providerId="ADAL" clId="{995FE33D-D744-4C25-9F36-CFCEF7D5137C}" dt="2019-04-01T08:16:59.396" v="22563"/>
          <ac:spMkLst>
            <pc:docMk/>
            <pc:sldMk cId="938656710" sldId="258"/>
            <ac:spMk id="4500" creationId="{8A910128-F1FD-4FBE-8359-91BDB0BC53D2}"/>
          </ac:spMkLst>
        </pc:spChg>
        <pc:spChg chg="add mod">
          <ac:chgData name="Lubomír Fojtů" userId="629ab448-eb35-4954-b771-bccc02d8ff90" providerId="ADAL" clId="{995FE33D-D744-4C25-9F36-CFCEF7D5137C}" dt="2019-04-01T08:16:59.428" v="22601"/>
          <ac:spMkLst>
            <pc:docMk/>
            <pc:sldMk cId="938656710" sldId="258"/>
            <ac:spMk id="4501" creationId="{EE5B6A36-D94A-4564-AA6E-CA48088E17E5}"/>
          </ac:spMkLst>
        </pc:spChg>
        <pc:spChg chg="add mod">
          <ac:chgData name="Lubomír Fojtů" userId="629ab448-eb35-4954-b771-bccc02d8ff90" providerId="ADAL" clId="{995FE33D-D744-4C25-9F36-CFCEF7D5137C}" dt="2019-04-01T08:16:59.459" v="22639"/>
          <ac:spMkLst>
            <pc:docMk/>
            <pc:sldMk cId="938656710" sldId="258"/>
            <ac:spMk id="4502" creationId="{77CCB3B0-E994-4EBC-8352-2CC6274BEF24}"/>
          </ac:spMkLst>
        </pc:spChg>
        <pc:spChg chg="add mod">
          <ac:chgData name="Lubomír Fojtů" userId="629ab448-eb35-4954-b771-bccc02d8ff90" providerId="ADAL" clId="{995FE33D-D744-4C25-9F36-CFCEF7D5137C}" dt="2019-04-01T08:16:59.490" v="22677"/>
          <ac:spMkLst>
            <pc:docMk/>
            <pc:sldMk cId="938656710" sldId="258"/>
            <ac:spMk id="4503" creationId="{F5EDD54E-E71D-44AE-8346-9713FF86923E}"/>
          </ac:spMkLst>
        </pc:spChg>
        <pc:spChg chg="add mod">
          <ac:chgData name="Lubomír Fojtů" userId="629ab448-eb35-4954-b771-bccc02d8ff90" providerId="ADAL" clId="{995FE33D-D744-4C25-9F36-CFCEF7D5137C}" dt="2019-04-01T08:16:59.521" v="22715"/>
          <ac:spMkLst>
            <pc:docMk/>
            <pc:sldMk cId="938656710" sldId="258"/>
            <ac:spMk id="4504" creationId="{3C5A1367-FCE9-40E7-B038-7A923E3720A9}"/>
          </ac:spMkLst>
        </pc:spChg>
        <pc:spChg chg="add mod">
          <ac:chgData name="Lubomír Fojtů" userId="629ab448-eb35-4954-b771-bccc02d8ff90" providerId="ADAL" clId="{995FE33D-D744-4C25-9F36-CFCEF7D5137C}" dt="2019-04-01T08:16:59.568" v="22759"/>
          <ac:spMkLst>
            <pc:docMk/>
            <pc:sldMk cId="938656710" sldId="258"/>
            <ac:spMk id="4505" creationId="{7BAE452F-25DE-4A89-BBE3-3FEFFBAE02E9}"/>
          </ac:spMkLst>
        </pc:spChg>
        <pc:spChg chg="add mod">
          <ac:chgData name="Lubomír Fojtů" userId="629ab448-eb35-4954-b771-bccc02d8ff90" providerId="ADAL" clId="{995FE33D-D744-4C25-9F36-CFCEF7D5137C}" dt="2019-04-01T08:16:59.600" v="22801"/>
          <ac:spMkLst>
            <pc:docMk/>
            <pc:sldMk cId="938656710" sldId="258"/>
            <ac:spMk id="4506" creationId="{A4301DDB-AF3E-4681-BAC5-B00661399FE2}"/>
          </ac:spMkLst>
        </pc:spChg>
        <pc:cxnChg chg="del">
          <ac:chgData name="Lubomír Fojtů" userId="629ab448-eb35-4954-b771-bccc02d8ff90" providerId="ADAL" clId="{995FE33D-D744-4C25-9F36-CFCEF7D5137C}" dt="2019-04-01T08:15:26.047" v="253"/>
          <ac:cxnSpMkLst>
            <pc:docMk/>
            <pc:sldMk cId="938656710" sldId="258"/>
            <ac:cxnSpMk id="9" creationId="{E6F9BA70-B375-4714-8EB2-6BFE3F5BFC29}"/>
          </ac:cxnSpMkLst>
        </pc:cxnChg>
        <pc:cxnChg chg="del">
          <ac:chgData name="Lubomír Fojtů" userId="629ab448-eb35-4954-b771-bccc02d8ff90" providerId="ADAL" clId="{995FE33D-D744-4C25-9F36-CFCEF7D5137C}" dt="2019-04-01T08:15:26.047" v="257"/>
          <ac:cxnSpMkLst>
            <pc:docMk/>
            <pc:sldMk cId="938656710" sldId="258"/>
            <ac:cxnSpMk id="11" creationId="{A59EB87B-5329-4FDC-97C7-902515B5A8FE}"/>
          </ac:cxnSpMkLst>
        </pc:cxnChg>
        <pc:cxnChg chg="del">
          <ac:chgData name="Lubomír Fojtů" userId="629ab448-eb35-4954-b771-bccc02d8ff90" providerId="ADAL" clId="{995FE33D-D744-4C25-9F36-CFCEF7D5137C}" dt="2019-04-01T08:15:26.047" v="261"/>
          <ac:cxnSpMkLst>
            <pc:docMk/>
            <pc:sldMk cId="938656710" sldId="258"/>
            <ac:cxnSpMk id="13" creationId="{D10A8A70-69C1-463B-A8BC-D57181FF147B}"/>
          </ac:cxnSpMkLst>
        </pc:cxnChg>
        <pc:cxnChg chg="del">
          <ac:chgData name="Lubomír Fojtů" userId="629ab448-eb35-4954-b771-bccc02d8ff90" providerId="ADAL" clId="{995FE33D-D744-4C25-9F36-CFCEF7D5137C}" dt="2019-04-01T08:15:26.047" v="265"/>
          <ac:cxnSpMkLst>
            <pc:docMk/>
            <pc:sldMk cId="938656710" sldId="258"/>
            <ac:cxnSpMk id="15" creationId="{B40960E4-7A6F-4AF5-9BDD-8DB45D54C130}"/>
          </ac:cxnSpMkLst>
        </pc:cxnChg>
        <pc:cxnChg chg="del">
          <ac:chgData name="Lubomír Fojtů" userId="629ab448-eb35-4954-b771-bccc02d8ff90" providerId="ADAL" clId="{995FE33D-D744-4C25-9F36-CFCEF7D5137C}" dt="2019-04-01T08:15:26.047" v="269"/>
          <ac:cxnSpMkLst>
            <pc:docMk/>
            <pc:sldMk cId="938656710" sldId="258"/>
            <ac:cxnSpMk id="17" creationId="{B858A43A-E5B8-461C-9570-9823856E3D6D}"/>
          </ac:cxnSpMkLst>
        </pc:cxnChg>
        <pc:cxnChg chg="del">
          <ac:chgData name="Lubomír Fojtů" userId="629ab448-eb35-4954-b771-bccc02d8ff90" providerId="ADAL" clId="{995FE33D-D744-4C25-9F36-CFCEF7D5137C}" dt="2019-04-01T08:15:26.047" v="273"/>
          <ac:cxnSpMkLst>
            <pc:docMk/>
            <pc:sldMk cId="938656710" sldId="258"/>
            <ac:cxnSpMk id="19" creationId="{6A07F981-A4DD-4E26-8FA5-5B47A2554B10}"/>
          </ac:cxnSpMkLst>
        </pc:cxnChg>
        <pc:cxnChg chg="del">
          <ac:chgData name="Lubomír Fojtů" userId="629ab448-eb35-4954-b771-bccc02d8ff90" providerId="ADAL" clId="{995FE33D-D744-4C25-9F36-CFCEF7D5137C}" dt="2019-04-01T08:15:26.047" v="277"/>
          <ac:cxnSpMkLst>
            <pc:docMk/>
            <pc:sldMk cId="938656710" sldId="258"/>
            <ac:cxnSpMk id="21" creationId="{7974B20F-CCA8-405A-A203-97CC239835FC}"/>
          </ac:cxnSpMkLst>
        </pc:cxnChg>
        <pc:cxnChg chg="del">
          <ac:chgData name="Lubomír Fojtů" userId="629ab448-eb35-4954-b771-bccc02d8ff90" providerId="ADAL" clId="{995FE33D-D744-4C25-9F36-CFCEF7D5137C}" dt="2019-04-01T08:15:26.047" v="281"/>
          <ac:cxnSpMkLst>
            <pc:docMk/>
            <pc:sldMk cId="938656710" sldId="258"/>
            <ac:cxnSpMk id="23" creationId="{ADFCC225-ABB8-4560-86D8-B1C2BC890D58}"/>
          </ac:cxnSpMkLst>
        </pc:cxnChg>
        <pc:cxnChg chg="del">
          <ac:chgData name="Lubomír Fojtů" userId="629ab448-eb35-4954-b771-bccc02d8ff90" providerId="ADAL" clId="{995FE33D-D744-4C25-9F36-CFCEF7D5137C}" dt="2019-04-01T08:15:26.032" v="231"/>
          <ac:cxnSpMkLst>
            <pc:docMk/>
            <pc:sldMk cId="938656710" sldId="258"/>
            <ac:cxnSpMk id="25" creationId="{80D24014-A683-47F8-9BC2-335A0D397240}"/>
          </ac:cxnSpMkLst>
        </pc:cxnChg>
        <pc:cxnChg chg="del">
          <ac:chgData name="Lubomír Fojtů" userId="629ab448-eb35-4954-b771-bccc02d8ff90" providerId="ADAL" clId="{995FE33D-D744-4C25-9F36-CFCEF7D5137C}" dt="2019-04-01T08:15:26.032" v="229"/>
          <ac:cxnSpMkLst>
            <pc:docMk/>
            <pc:sldMk cId="938656710" sldId="258"/>
            <ac:cxnSpMk id="26" creationId="{F548F1E5-BEDA-484A-867F-BEC641899DA8}"/>
          </ac:cxnSpMkLst>
        </pc:cxnChg>
        <pc:cxnChg chg="del">
          <ac:chgData name="Lubomír Fojtů" userId="629ab448-eb35-4954-b771-bccc02d8ff90" providerId="ADAL" clId="{995FE33D-D744-4C25-9F36-CFCEF7D5137C}" dt="2019-04-01T08:15:26.032" v="227"/>
          <ac:cxnSpMkLst>
            <pc:docMk/>
            <pc:sldMk cId="938656710" sldId="258"/>
            <ac:cxnSpMk id="27" creationId="{9B06DA74-1646-4973-BC3D-F1945A79E04D}"/>
          </ac:cxnSpMkLst>
        </pc:cxnChg>
        <pc:cxnChg chg="del">
          <ac:chgData name="Lubomír Fojtů" userId="629ab448-eb35-4954-b771-bccc02d8ff90" providerId="ADAL" clId="{995FE33D-D744-4C25-9F36-CFCEF7D5137C}" dt="2019-04-01T08:15:26.032" v="225"/>
          <ac:cxnSpMkLst>
            <pc:docMk/>
            <pc:sldMk cId="938656710" sldId="258"/>
            <ac:cxnSpMk id="28" creationId="{2D533840-F1C7-4865-A32F-E2DFBBB72B37}"/>
          </ac:cxnSpMkLst>
        </pc:cxnChg>
        <pc:cxnChg chg="del">
          <ac:chgData name="Lubomír Fojtů" userId="629ab448-eb35-4954-b771-bccc02d8ff90" providerId="ADAL" clId="{995FE33D-D744-4C25-9F36-CFCEF7D5137C}" dt="2019-04-01T08:15:26.032" v="223"/>
          <ac:cxnSpMkLst>
            <pc:docMk/>
            <pc:sldMk cId="938656710" sldId="258"/>
            <ac:cxnSpMk id="29" creationId="{B0A2731C-54EA-47FD-A049-BC0D4400498F}"/>
          </ac:cxnSpMkLst>
        </pc:cxnChg>
        <pc:cxnChg chg="del">
          <ac:chgData name="Lubomír Fojtů" userId="629ab448-eb35-4954-b771-bccc02d8ff90" providerId="ADAL" clId="{995FE33D-D744-4C25-9F36-CFCEF7D5137C}" dt="2019-04-01T08:15:26.032" v="221"/>
          <ac:cxnSpMkLst>
            <pc:docMk/>
            <pc:sldMk cId="938656710" sldId="258"/>
            <ac:cxnSpMk id="30" creationId="{3BDE54CE-99CB-4130-B595-A7E2A9A1B19B}"/>
          </ac:cxnSpMkLst>
        </pc:cxnChg>
        <pc:cxnChg chg="del">
          <ac:chgData name="Lubomír Fojtů" userId="629ab448-eb35-4954-b771-bccc02d8ff90" providerId="ADAL" clId="{995FE33D-D744-4C25-9F36-CFCEF7D5137C}" dt="2019-04-01T08:15:26.032" v="219"/>
          <ac:cxnSpMkLst>
            <pc:docMk/>
            <pc:sldMk cId="938656710" sldId="258"/>
            <ac:cxnSpMk id="31" creationId="{B169D9E3-1C8B-4E01-96AB-2A8A23C03D6C}"/>
          </ac:cxnSpMkLst>
        </pc:cxnChg>
        <pc:cxnChg chg="del">
          <ac:chgData name="Lubomír Fojtů" userId="629ab448-eb35-4954-b771-bccc02d8ff90" providerId="ADAL" clId="{995FE33D-D744-4C25-9F36-CFCEF7D5137C}" dt="2019-04-01T08:15:26.016" v="175"/>
          <ac:cxnSpMkLst>
            <pc:docMk/>
            <pc:sldMk cId="938656710" sldId="258"/>
            <ac:cxnSpMk id="3616" creationId="{8FB04D86-993B-4C7D-A4BA-9EFA6859B6E8}"/>
          </ac:cxnSpMkLst>
        </pc:cxnChg>
        <pc:cxnChg chg="del">
          <ac:chgData name="Lubomír Fojtů" userId="629ab448-eb35-4954-b771-bccc02d8ff90" providerId="ADAL" clId="{995FE33D-D744-4C25-9F36-CFCEF7D5137C}" dt="2019-04-01T08:15:26.016" v="173"/>
          <ac:cxnSpMkLst>
            <pc:docMk/>
            <pc:sldMk cId="938656710" sldId="258"/>
            <ac:cxnSpMk id="3617" creationId="{E34372DB-2D60-45E2-8AF5-744CEEA07D3D}"/>
          </ac:cxnSpMkLst>
        </pc:cxnChg>
        <pc:cxnChg chg="del">
          <ac:chgData name="Lubomír Fojtů" userId="629ab448-eb35-4954-b771-bccc02d8ff90" providerId="ADAL" clId="{995FE33D-D744-4C25-9F36-CFCEF7D5137C}" dt="2019-04-01T08:15:26.015" v="171"/>
          <ac:cxnSpMkLst>
            <pc:docMk/>
            <pc:sldMk cId="938656710" sldId="258"/>
            <ac:cxnSpMk id="3618" creationId="{1FDE647E-E312-4D77-B6F8-8CDEC2880C38}"/>
          </ac:cxnSpMkLst>
        </pc:cxnChg>
        <pc:cxnChg chg="del">
          <ac:chgData name="Lubomír Fojtů" userId="629ab448-eb35-4954-b771-bccc02d8ff90" providerId="ADAL" clId="{995FE33D-D744-4C25-9F36-CFCEF7D5137C}" dt="2019-04-01T08:15:26.014" v="169"/>
          <ac:cxnSpMkLst>
            <pc:docMk/>
            <pc:sldMk cId="938656710" sldId="258"/>
            <ac:cxnSpMk id="3619" creationId="{D3BC96C3-8F76-45CA-85B6-191176F0FEF3}"/>
          </ac:cxnSpMkLst>
        </pc:cxnChg>
        <pc:cxnChg chg="del">
          <ac:chgData name="Lubomír Fojtů" userId="629ab448-eb35-4954-b771-bccc02d8ff90" providerId="ADAL" clId="{995FE33D-D744-4C25-9F36-CFCEF7D5137C}" dt="2019-04-01T08:15:26.012" v="167"/>
          <ac:cxnSpMkLst>
            <pc:docMk/>
            <pc:sldMk cId="938656710" sldId="258"/>
            <ac:cxnSpMk id="3620" creationId="{5B41F46A-ED94-4BC1-932D-20A7A8853D68}"/>
          </ac:cxnSpMkLst>
        </pc:cxnChg>
        <pc:cxnChg chg="del">
          <ac:chgData name="Lubomír Fojtů" userId="629ab448-eb35-4954-b771-bccc02d8ff90" providerId="ADAL" clId="{995FE33D-D744-4C25-9F36-CFCEF7D5137C}" dt="2019-04-01T08:15:25.997" v="165"/>
          <ac:cxnSpMkLst>
            <pc:docMk/>
            <pc:sldMk cId="938656710" sldId="258"/>
            <ac:cxnSpMk id="3621" creationId="{94DF4038-196F-4EED-96DB-C3EB8299EAD4}"/>
          </ac:cxnSpMkLst>
        </pc:cxnChg>
        <pc:cxnChg chg="del">
          <ac:chgData name="Lubomír Fojtů" userId="629ab448-eb35-4954-b771-bccc02d8ff90" providerId="ADAL" clId="{995FE33D-D744-4C25-9F36-CFCEF7D5137C}" dt="2019-04-01T08:15:25.997" v="163"/>
          <ac:cxnSpMkLst>
            <pc:docMk/>
            <pc:sldMk cId="938656710" sldId="258"/>
            <ac:cxnSpMk id="3622" creationId="{2913F376-F094-44AF-929E-6C18D6EEB4D4}"/>
          </ac:cxnSpMkLst>
        </pc:cxnChg>
        <pc:cxnChg chg="del">
          <ac:chgData name="Lubomír Fojtů" userId="629ab448-eb35-4954-b771-bccc02d8ff90" providerId="ADAL" clId="{995FE33D-D744-4C25-9F36-CFCEF7D5137C}" dt="2019-04-01T08:15:25.997" v="161"/>
          <ac:cxnSpMkLst>
            <pc:docMk/>
            <pc:sldMk cId="938656710" sldId="258"/>
            <ac:cxnSpMk id="3623" creationId="{EC7C9EA4-DDFC-47B1-BA5A-34355705D573}"/>
          </ac:cxnSpMkLst>
        </pc:cxnChg>
        <pc:cxnChg chg="del">
          <ac:chgData name="Lubomír Fojtů" userId="629ab448-eb35-4954-b771-bccc02d8ff90" providerId="ADAL" clId="{995FE33D-D744-4C25-9F36-CFCEF7D5137C}" dt="2019-04-01T08:15:25.997" v="159"/>
          <ac:cxnSpMkLst>
            <pc:docMk/>
            <pc:sldMk cId="938656710" sldId="258"/>
            <ac:cxnSpMk id="3624" creationId="{0E6D8F6D-3A16-48B1-890B-4BB355CE7B6A}"/>
          </ac:cxnSpMkLst>
        </pc:cxnChg>
        <pc:cxnChg chg="del">
          <ac:chgData name="Lubomír Fojtů" userId="629ab448-eb35-4954-b771-bccc02d8ff90" providerId="ADAL" clId="{995FE33D-D744-4C25-9F36-CFCEF7D5137C}" dt="2019-04-01T08:15:25.997" v="157"/>
          <ac:cxnSpMkLst>
            <pc:docMk/>
            <pc:sldMk cId="938656710" sldId="258"/>
            <ac:cxnSpMk id="3625" creationId="{EA42CE9D-68A6-4F12-BAF1-6E31382DDE65}"/>
          </ac:cxnSpMkLst>
        </pc:cxnChg>
        <pc:cxnChg chg="del">
          <ac:chgData name="Lubomír Fojtů" userId="629ab448-eb35-4954-b771-bccc02d8ff90" providerId="ADAL" clId="{995FE33D-D744-4C25-9F36-CFCEF7D5137C}" dt="2019-04-01T08:15:25.997" v="155"/>
          <ac:cxnSpMkLst>
            <pc:docMk/>
            <pc:sldMk cId="938656710" sldId="258"/>
            <ac:cxnSpMk id="3626" creationId="{04FEDDB4-21F3-4676-A39A-275751416BAA}"/>
          </ac:cxnSpMkLst>
        </pc:cxnChg>
        <pc:cxnChg chg="add del mod">
          <ac:chgData name="Lubomír Fojtů" userId="629ab448-eb35-4954-b771-bccc02d8ff90" providerId="ADAL" clId="{995FE33D-D744-4C25-9F36-CFCEF7D5137C}" dt="2019-04-01T08:16:53.879" v="14434"/>
          <ac:cxnSpMkLst>
            <pc:docMk/>
            <pc:sldMk cId="938656710" sldId="258"/>
            <ac:cxnSpMk id="3628" creationId="{73691F7C-7449-483D-AA96-09FAD0ABE7D7}"/>
          </ac:cxnSpMkLst>
        </pc:cxnChg>
        <pc:cxnChg chg="add del mod">
          <ac:chgData name="Lubomír Fojtů" userId="629ab448-eb35-4954-b771-bccc02d8ff90" providerId="ADAL" clId="{995FE33D-D744-4C25-9F36-CFCEF7D5137C}" dt="2019-04-01T08:16:53.879" v="14438"/>
          <ac:cxnSpMkLst>
            <pc:docMk/>
            <pc:sldMk cId="938656710" sldId="258"/>
            <ac:cxnSpMk id="3630" creationId="{FAF30715-CB87-4345-93F6-A9138EAC92AB}"/>
          </ac:cxnSpMkLst>
        </pc:cxnChg>
        <pc:cxnChg chg="add del mod">
          <ac:chgData name="Lubomír Fojtů" userId="629ab448-eb35-4954-b771-bccc02d8ff90" providerId="ADAL" clId="{995FE33D-D744-4C25-9F36-CFCEF7D5137C}" dt="2019-04-01T08:16:53.879" v="14442"/>
          <ac:cxnSpMkLst>
            <pc:docMk/>
            <pc:sldMk cId="938656710" sldId="258"/>
            <ac:cxnSpMk id="3632" creationId="{811A8324-25DA-4B99-95BD-97FB033308B2}"/>
          </ac:cxnSpMkLst>
        </pc:cxnChg>
        <pc:cxnChg chg="add del mod">
          <ac:chgData name="Lubomír Fojtů" userId="629ab448-eb35-4954-b771-bccc02d8ff90" providerId="ADAL" clId="{995FE33D-D744-4C25-9F36-CFCEF7D5137C}" dt="2019-04-01T08:16:53.894" v="14446"/>
          <ac:cxnSpMkLst>
            <pc:docMk/>
            <pc:sldMk cId="938656710" sldId="258"/>
            <ac:cxnSpMk id="3634" creationId="{129CD237-9DB3-47DE-9A58-23EE5743994E}"/>
          </ac:cxnSpMkLst>
        </pc:cxnChg>
        <pc:cxnChg chg="add del mod">
          <ac:chgData name="Lubomír Fojtů" userId="629ab448-eb35-4954-b771-bccc02d8ff90" providerId="ADAL" clId="{995FE33D-D744-4C25-9F36-CFCEF7D5137C}" dt="2019-04-01T08:16:53.894" v="14450"/>
          <ac:cxnSpMkLst>
            <pc:docMk/>
            <pc:sldMk cId="938656710" sldId="258"/>
            <ac:cxnSpMk id="3636" creationId="{8422B081-3787-4AFC-8A68-C03A74696641}"/>
          </ac:cxnSpMkLst>
        </pc:cxnChg>
        <pc:cxnChg chg="add del mod">
          <ac:chgData name="Lubomír Fojtů" userId="629ab448-eb35-4954-b771-bccc02d8ff90" providerId="ADAL" clId="{995FE33D-D744-4C25-9F36-CFCEF7D5137C}" dt="2019-04-01T08:16:53.894" v="14454"/>
          <ac:cxnSpMkLst>
            <pc:docMk/>
            <pc:sldMk cId="938656710" sldId="258"/>
            <ac:cxnSpMk id="3638" creationId="{DC8AF3FE-9990-478F-B382-7E49307BB967}"/>
          </ac:cxnSpMkLst>
        </pc:cxnChg>
        <pc:cxnChg chg="add del mod">
          <ac:chgData name="Lubomír Fojtů" userId="629ab448-eb35-4954-b771-bccc02d8ff90" providerId="ADAL" clId="{995FE33D-D744-4C25-9F36-CFCEF7D5137C}" dt="2019-04-01T08:16:53.894" v="14458"/>
          <ac:cxnSpMkLst>
            <pc:docMk/>
            <pc:sldMk cId="938656710" sldId="258"/>
            <ac:cxnSpMk id="3640" creationId="{5BDD4CAB-2A00-4C4A-B0AD-586BA30D22E8}"/>
          </ac:cxnSpMkLst>
        </pc:cxnChg>
        <pc:cxnChg chg="add del mod ord">
          <ac:chgData name="Lubomír Fojtů" userId="629ab448-eb35-4954-b771-bccc02d8ff90" providerId="ADAL" clId="{995FE33D-D744-4C25-9F36-CFCEF7D5137C}" dt="2019-04-01T08:16:53.879" v="14414"/>
          <ac:cxnSpMkLst>
            <pc:docMk/>
            <pc:sldMk cId="938656710" sldId="258"/>
            <ac:cxnSpMk id="3642" creationId="{54D3FC94-6B56-4C2B-B7F9-DA6C4425D019}"/>
          </ac:cxnSpMkLst>
        </pc:cxnChg>
        <pc:cxnChg chg="add del mod ord">
          <ac:chgData name="Lubomír Fojtů" userId="629ab448-eb35-4954-b771-bccc02d8ff90" providerId="ADAL" clId="{995FE33D-D744-4C25-9F36-CFCEF7D5137C}" dt="2019-04-01T08:16:53.879" v="14412"/>
          <ac:cxnSpMkLst>
            <pc:docMk/>
            <pc:sldMk cId="938656710" sldId="258"/>
            <ac:cxnSpMk id="3643" creationId="{79C0CBDE-8B1E-4A72-943B-E36F10769824}"/>
          </ac:cxnSpMkLst>
        </pc:cxnChg>
        <pc:cxnChg chg="add del mod ord">
          <ac:chgData name="Lubomír Fojtů" userId="629ab448-eb35-4954-b771-bccc02d8ff90" providerId="ADAL" clId="{995FE33D-D744-4C25-9F36-CFCEF7D5137C}" dt="2019-04-01T08:16:53.879" v="14410"/>
          <ac:cxnSpMkLst>
            <pc:docMk/>
            <pc:sldMk cId="938656710" sldId="258"/>
            <ac:cxnSpMk id="3644" creationId="{A6DFB028-A3A2-4EF0-95A7-95AC493F75E7}"/>
          </ac:cxnSpMkLst>
        </pc:cxnChg>
        <pc:cxnChg chg="add del mod ord">
          <ac:chgData name="Lubomír Fojtů" userId="629ab448-eb35-4954-b771-bccc02d8ff90" providerId="ADAL" clId="{995FE33D-D744-4C25-9F36-CFCEF7D5137C}" dt="2019-04-01T08:16:53.879" v="14408"/>
          <ac:cxnSpMkLst>
            <pc:docMk/>
            <pc:sldMk cId="938656710" sldId="258"/>
            <ac:cxnSpMk id="3645" creationId="{D6677311-E9DF-4BFA-984D-3BA8615A16C3}"/>
          </ac:cxnSpMkLst>
        </pc:cxnChg>
        <pc:cxnChg chg="add del mod ord">
          <ac:chgData name="Lubomír Fojtů" userId="629ab448-eb35-4954-b771-bccc02d8ff90" providerId="ADAL" clId="{995FE33D-D744-4C25-9F36-CFCEF7D5137C}" dt="2019-04-01T08:16:53.879" v="14406"/>
          <ac:cxnSpMkLst>
            <pc:docMk/>
            <pc:sldMk cId="938656710" sldId="258"/>
            <ac:cxnSpMk id="3646" creationId="{99187260-A78A-4A80-B7E2-8EBA5CEC2381}"/>
          </ac:cxnSpMkLst>
        </pc:cxnChg>
        <pc:cxnChg chg="add del mod ord">
          <ac:chgData name="Lubomír Fojtů" userId="629ab448-eb35-4954-b771-bccc02d8ff90" providerId="ADAL" clId="{995FE33D-D744-4C25-9F36-CFCEF7D5137C}" dt="2019-04-01T08:16:53.879" v="14404"/>
          <ac:cxnSpMkLst>
            <pc:docMk/>
            <pc:sldMk cId="938656710" sldId="258"/>
            <ac:cxnSpMk id="3647" creationId="{774064D0-95C3-49C9-A624-17F79F8F1082}"/>
          </ac:cxnSpMkLst>
        </pc:cxnChg>
        <pc:cxnChg chg="add del mod">
          <ac:chgData name="Lubomír Fojtů" userId="629ab448-eb35-4954-b771-bccc02d8ff90" providerId="ADAL" clId="{995FE33D-D744-4C25-9F36-CFCEF7D5137C}" dt="2019-04-01T08:16:53.879" v="14430"/>
          <ac:cxnSpMkLst>
            <pc:docMk/>
            <pc:sldMk cId="938656710" sldId="258"/>
            <ac:cxnSpMk id="3815" creationId="{CD57D540-ECE6-4144-9F80-62F3C0E277DA}"/>
          </ac:cxnSpMkLst>
        </pc:cxnChg>
        <pc:cxnChg chg="del">
          <ac:chgData name="Lubomír Fojtů" userId="629ab448-eb35-4954-b771-bccc02d8ff90" providerId="ADAL" clId="{995FE33D-D744-4C25-9F36-CFCEF7D5137C}" dt="2019-04-01T08:15:26.032" v="217"/>
          <ac:cxnSpMkLst>
            <pc:docMk/>
            <pc:sldMk cId="938656710" sldId="258"/>
            <ac:cxnSpMk id="3816" creationId="{BE9ED8D4-2E6E-4BA3-8831-1FE89DDC5CF9}"/>
          </ac:cxnSpMkLst>
        </pc:cxnChg>
        <pc:cxnChg chg="del">
          <ac:chgData name="Lubomír Fojtů" userId="629ab448-eb35-4954-b771-bccc02d8ff90" providerId="ADAL" clId="{995FE33D-D744-4C25-9F36-CFCEF7D5137C}" dt="2019-04-01T08:15:26.032" v="215"/>
          <ac:cxnSpMkLst>
            <pc:docMk/>
            <pc:sldMk cId="938656710" sldId="258"/>
            <ac:cxnSpMk id="3817" creationId="{F3587F38-C9D5-486F-8EEE-1D38A35E5155}"/>
          </ac:cxnSpMkLst>
        </pc:cxnChg>
        <pc:cxnChg chg="del">
          <ac:chgData name="Lubomír Fojtů" userId="629ab448-eb35-4954-b771-bccc02d8ff90" providerId="ADAL" clId="{995FE33D-D744-4C25-9F36-CFCEF7D5137C}" dt="2019-04-01T08:15:26.032" v="213"/>
          <ac:cxnSpMkLst>
            <pc:docMk/>
            <pc:sldMk cId="938656710" sldId="258"/>
            <ac:cxnSpMk id="3818" creationId="{4B84A637-ACC5-4699-9521-B82A372EDBD5}"/>
          </ac:cxnSpMkLst>
        </pc:cxnChg>
        <pc:cxnChg chg="del">
          <ac:chgData name="Lubomír Fojtů" userId="629ab448-eb35-4954-b771-bccc02d8ff90" providerId="ADAL" clId="{995FE33D-D744-4C25-9F36-CFCEF7D5137C}" dt="2019-04-01T08:15:26.032" v="211"/>
          <ac:cxnSpMkLst>
            <pc:docMk/>
            <pc:sldMk cId="938656710" sldId="258"/>
            <ac:cxnSpMk id="3819" creationId="{03ED49F4-9E13-4895-A502-E12ACFCCE151}"/>
          </ac:cxnSpMkLst>
        </pc:cxnChg>
        <pc:cxnChg chg="del">
          <ac:chgData name="Lubomír Fojtů" userId="629ab448-eb35-4954-b771-bccc02d8ff90" providerId="ADAL" clId="{995FE33D-D744-4C25-9F36-CFCEF7D5137C}" dt="2019-04-01T08:15:26.032" v="209"/>
          <ac:cxnSpMkLst>
            <pc:docMk/>
            <pc:sldMk cId="938656710" sldId="258"/>
            <ac:cxnSpMk id="3820" creationId="{DD9026DF-CF93-4F24-B613-01952010ECE0}"/>
          </ac:cxnSpMkLst>
        </pc:cxnChg>
        <pc:cxnChg chg="del">
          <ac:chgData name="Lubomír Fojtů" userId="629ab448-eb35-4954-b771-bccc02d8ff90" providerId="ADAL" clId="{995FE33D-D744-4C25-9F36-CFCEF7D5137C}" dt="2019-04-01T08:15:26.030" v="207"/>
          <ac:cxnSpMkLst>
            <pc:docMk/>
            <pc:sldMk cId="938656710" sldId="258"/>
            <ac:cxnSpMk id="3821" creationId="{448E4523-1B89-4B5D-BC56-986ED43DB82E}"/>
          </ac:cxnSpMkLst>
        </pc:cxnChg>
        <pc:cxnChg chg="del">
          <ac:chgData name="Lubomír Fojtů" userId="629ab448-eb35-4954-b771-bccc02d8ff90" providerId="ADAL" clId="{995FE33D-D744-4C25-9F36-CFCEF7D5137C}" dt="2019-04-01T08:15:26.029" v="205"/>
          <ac:cxnSpMkLst>
            <pc:docMk/>
            <pc:sldMk cId="938656710" sldId="258"/>
            <ac:cxnSpMk id="3822" creationId="{3BCDD82F-F260-4E66-BB03-70EB73E15F9B}"/>
          </ac:cxnSpMkLst>
        </pc:cxnChg>
        <pc:cxnChg chg="del">
          <ac:chgData name="Lubomír Fojtů" userId="629ab448-eb35-4954-b771-bccc02d8ff90" providerId="ADAL" clId="{995FE33D-D744-4C25-9F36-CFCEF7D5137C}" dt="2019-04-01T08:15:26.028" v="203"/>
          <ac:cxnSpMkLst>
            <pc:docMk/>
            <pc:sldMk cId="938656710" sldId="258"/>
            <ac:cxnSpMk id="3823" creationId="{693B394B-A078-4DB9-B354-26A8F758BE47}"/>
          </ac:cxnSpMkLst>
        </pc:cxnChg>
        <pc:cxnChg chg="del">
          <ac:chgData name="Lubomír Fojtů" userId="629ab448-eb35-4954-b771-bccc02d8ff90" providerId="ADAL" clId="{995FE33D-D744-4C25-9F36-CFCEF7D5137C}" dt="2019-04-01T08:15:26.027" v="201"/>
          <ac:cxnSpMkLst>
            <pc:docMk/>
            <pc:sldMk cId="938656710" sldId="258"/>
            <ac:cxnSpMk id="3824" creationId="{76AAB0A7-8A2A-4287-B46D-87E1352DC22C}"/>
          </ac:cxnSpMkLst>
        </pc:cxnChg>
        <pc:cxnChg chg="del">
          <ac:chgData name="Lubomír Fojtů" userId="629ab448-eb35-4954-b771-bccc02d8ff90" providerId="ADAL" clId="{995FE33D-D744-4C25-9F36-CFCEF7D5137C}" dt="2019-04-01T08:15:26.027" v="199"/>
          <ac:cxnSpMkLst>
            <pc:docMk/>
            <pc:sldMk cId="938656710" sldId="258"/>
            <ac:cxnSpMk id="3825" creationId="{8CC44A49-732D-4509-9FAF-2FF92F17C265}"/>
          </ac:cxnSpMkLst>
        </pc:cxnChg>
        <pc:cxnChg chg="del">
          <ac:chgData name="Lubomír Fojtů" userId="629ab448-eb35-4954-b771-bccc02d8ff90" providerId="ADAL" clId="{995FE33D-D744-4C25-9F36-CFCEF7D5137C}" dt="2019-04-01T08:15:26.026" v="197"/>
          <ac:cxnSpMkLst>
            <pc:docMk/>
            <pc:sldMk cId="938656710" sldId="258"/>
            <ac:cxnSpMk id="3826" creationId="{CD46A401-C519-40AA-97B8-71447AC1E1FE}"/>
          </ac:cxnSpMkLst>
        </pc:cxnChg>
        <pc:cxnChg chg="del">
          <ac:chgData name="Lubomír Fojtů" userId="629ab448-eb35-4954-b771-bccc02d8ff90" providerId="ADAL" clId="{995FE33D-D744-4C25-9F36-CFCEF7D5137C}" dt="2019-04-01T08:15:26.025" v="195"/>
          <ac:cxnSpMkLst>
            <pc:docMk/>
            <pc:sldMk cId="938656710" sldId="258"/>
            <ac:cxnSpMk id="3827" creationId="{FF56EED7-DB2F-48C3-8B47-70E67EC77E74}"/>
          </ac:cxnSpMkLst>
        </pc:cxnChg>
        <pc:cxnChg chg="del">
          <ac:chgData name="Lubomír Fojtů" userId="629ab448-eb35-4954-b771-bccc02d8ff90" providerId="ADAL" clId="{995FE33D-D744-4C25-9F36-CFCEF7D5137C}" dt="2019-04-01T08:15:26.024" v="193"/>
          <ac:cxnSpMkLst>
            <pc:docMk/>
            <pc:sldMk cId="938656710" sldId="258"/>
            <ac:cxnSpMk id="3828" creationId="{F359209E-BC89-47D8-A06F-A7C1E76330F6}"/>
          </ac:cxnSpMkLst>
        </pc:cxnChg>
        <pc:cxnChg chg="del">
          <ac:chgData name="Lubomír Fojtů" userId="629ab448-eb35-4954-b771-bccc02d8ff90" providerId="ADAL" clId="{995FE33D-D744-4C25-9F36-CFCEF7D5137C}" dt="2019-04-01T08:15:26.023" v="191"/>
          <ac:cxnSpMkLst>
            <pc:docMk/>
            <pc:sldMk cId="938656710" sldId="258"/>
            <ac:cxnSpMk id="3829" creationId="{4199B14B-ADF6-48C1-AA78-F3D6EFC052E0}"/>
          </ac:cxnSpMkLst>
        </pc:cxnChg>
        <pc:cxnChg chg="del">
          <ac:chgData name="Lubomír Fojtů" userId="629ab448-eb35-4954-b771-bccc02d8ff90" providerId="ADAL" clId="{995FE33D-D744-4C25-9F36-CFCEF7D5137C}" dt="2019-04-01T08:15:26.047" v="285"/>
          <ac:cxnSpMkLst>
            <pc:docMk/>
            <pc:sldMk cId="938656710" sldId="258"/>
            <ac:cxnSpMk id="3830" creationId="{72086EBC-468C-45B7-899D-E49A3B29A19F}"/>
          </ac:cxnSpMkLst>
        </pc:cxnChg>
        <pc:cxnChg chg="del">
          <ac:chgData name="Lubomír Fojtů" userId="629ab448-eb35-4954-b771-bccc02d8ff90" providerId="ADAL" clId="{995FE33D-D744-4C25-9F36-CFCEF7D5137C}" dt="2019-04-01T08:15:26.047" v="287"/>
          <ac:cxnSpMkLst>
            <pc:docMk/>
            <pc:sldMk cId="938656710" sldId="258"/>
            <ac:cxnSpMk id="3831" creationId="{794F73F5-ABE4-414B-9069-7AF75A1B45B1}"/>
          </ac:cxnSpMkLst>
        </pc:cxnChg>
        <pc:cxnChg chg="del">
          <ac:chgData name="Lubomír Fojtů" userId="629ab448-eb35-4954-b771-bccc02d8ff90" providerId="ADAL" clId="{995FE33D-D744-4C25-9F36-CFCEF7D5137C}" dt="2019-04-01T08:15:26.047" v="289"/>
          <ac:cxnSpMkLst>
            <pc:docMk/>
            <pc:sldMk cId="938656710" sldId="258"/>
            <ac:cxnSpMk id="3832" creationId="{D9D888C1-6A79-4401-A51C-61B870F85443}"/>
          </ac:cxnSpMkLst>
        </pc:cxnChg>
        <pc:cxnChg chg="del">
          <ac:chgData name="Lubomír Fojtů" userId="629ab448-eb35-4954-b771-bccc02d8ff90" providerId="ADAL" clId="{995FE33D-D744-4C25-9F36-CFCEF7D5137C}" dt="2019-04-01T08:15:26.022" v="189"/>
          <ac:cxnSpMkLst>
            <pc:docMk/>
            <pc:sldMk cId="938656710" sldId="258"/>
            <ac:cxnSpMk id="3833" creationId="{0F8243D1-E439-458C-A752-5AFB7A917114}"/>
          </ac:cxnSpMkLst>
        </pc:cxnChg>
        <pc:cxnChg chg="del">
          <ac:chgData name="Lubomír Fojtů" userId="629ab448-eb35-4954-b771-bccc02d8ff90" providerId="ADAL" clId="{995FE33D-D744-4C25-9F36-CFCEF7D5137C}" dt="2019-04-01T08:15:26.021" v="187"/>
          <ac:cxnSpMkLst>
            <pc:docMk/>
            <pc:sldMk cId="938656710" sldId="258"/>
            <ac:cxnSpMk id="3834" creationId="{F76D5CAF-F2E0-40F5-A817-41229C92A2A7}"/>
          </ac:cxnSpMkLst>
        </pc:cxnChg>
        <pc:cxnChg chg="del">
          <ac:chgData name="Lubomír Fojtů" userId="629ab448-eb35-4954-b771-bccc02d8ff90" providerId="ADAL" clId="{995FE33D-D744-4C25-9F36-CFCEF7D5137C}" dt="2019-04-01T08:15:26.021" v="185"/>
          <ac:cxnSpMkLst>
            <pc:docMk/>
            <pc:sldMk cId="938656710" sldId="258"/>
            <ac:cxnSpMk id="3835" creationId="{7E1F801D-6913-462F-BFE1-9B020D11CC51}"/>
          </ac:cxnSpMkLst>
        </pc:cxnChg>
        <pc:cxnChg chg="del">
          <ac:chgData name="Lubomír Fojtů" userId="629ab448-eb35-4954-b771-bccc02d8ff90" providerId="ADAL" clId="{995FE33D-D744-4C25-9F36-CFCEF7D5137C}" dt="2019-04-01T08:15:26.020" v="183"/>
          <ac:cxnSpMkLst>
            <pc:docMk/>
            <pc:sldMk cId="938656710" sldId="258"/>
            <ac:cxnSpMk id="3836" creationId="{C788297C-D10C-4398-84E2-BA095F0782D2}"/>
          </ac:cxnSpMkLst>
        </pc:cxnChg>
        <pc:cxnChg chg="del">
          <ac:chgData name="Lubomír Fojtů" userId="629ab448-eb35-4954-b771-bccc02d8ff90" providerId="ADAL" clId="{995FE33D-D744-4C25-9F36-CFCEF7D5137C}" dt="2019-04-01T08:15:26.019" v="181"/>
          <ac:cxnSpMkLst>
            <pc:docMk/>
            <pc:sldMk cId="938656710" sldId="258"/>
            <ac:cxnSpMk id="3837" creationId="{123DCA0F-7B24-4AB6-B01B-D1D2D5857FA7}"/>
          </ac:cxnSpMkLst>
        </pc:cxnChg>
        <pc:cxnChg chg="del">
          <ac:chgData name="Lubomír Fojtů" userId="629ab448-eb35-4954-b771-bccc02d8ff90" providerId="ADAL" clId="{995FE33D-D744-4C25-9F36-CFCEF7D5137C}" dt="2019-04-01T08:15:26.018" v="179"/>
          <ac:cxnSpMkLst>
            <pc:docMk/>
            <pc:sldMk cId="938656710" sldId="258"/>
            <ac:cxnSpMk id="3838" creationId="{C013D4CE-7C5E-4D4F-BD17-0A08682CA418}"/>
          </ac:cxnSpMkLst>
        </pc:cxnChg>
        <pc:cxnChg chg="del">
          <ac:chgData name="Lubomír Fojtů" userId="629ab448-eb35-4954-b771-bccc02d8ff90" providerId="ADAL" clId="{995FE33D-D744-4C25-9F36-CFCEF7D5137C}" dt="2019-04-01T08:15:26.017" v="177"/>
          <ac:cxnSpMkLst>
            <pc:docMk/>
            <pc:sldMk cId="938656710" sldId="258"/>
            <ac:cxnSpMk id="3839" creationId="{C804162B-1FB4-4D6E-97D1-9E35B9C70EEA}"/>
          </ac:cxnSpMkLst>
        </pc:cxnChg>
        <pc:cxnChg chg="del">
          <ac:chgData name="Lubomír Fojtů" userId="629ab448-eb35-4954-b771-bccc02d8ff90" providerId="ADAL" clId="{995FE33D-D744-4C25-9F36-CFCEF7D5137C}" dt="2019-04-01T08:15:25.997" v="153"/>
          <ac:cxnSpMkLst>
            <pc:docMk/>
            <pc:sldMk cId="938656710" sldId="258"/>
            <ac:cxnSpMk id="3840" creationId="{7CC52FA8-9AAC-4F63-926D-FF23AC8486C9}"/>
          </ac:cxnSpMkLst>
        </pc:cxnChg>
        <pc:cxnChg chg="del">
          <ac:chgData name="Lubomír Fojtů" userId="629ab448-eb35-4954-b771-bccc02d8ff90" providerId="ADAL" clId="{995FE33D-D744-4C25-9F36-CFCEF7D5137C}" dt="2019-04-01T08:15:25.997" v="151"/>
          <ac:cxnSpMkLst>
            <pc:docMk/>
            <pc:sldMk cId="938656710" sldId="258"/>
            <ac:cxnSpMk id="3841" creationId="{063E5F3D-71F2-4581-BC74-730815ACA8DA}"/>
          </ac:cxnSpMkLst>
        </pc:cxnChg>
        <pc:cxnChg chg="del">
          <ac:chgData name="Lubomír Fojtů" userId="629ab448-eb35-4954-b771-bccc02d8ff90" providerId="ADAL" clId="{995FE33D-D744-4C25-9F36-CFCEF7D5137C}" dt="2019-04-01T08:15:25.997" v="149"/>
          <ac:cxnSpMkLst>
            <pc:docMk/>
            <pc:sldMk cId="938656710" sldId="258"/>
            <ac:cxnSpMk id="3842" creationId="{A0E76C79-27BE-4C97-A7D4-216179DA9863}"/>
          </ac:cxnSpMkLst>
        </pc:cxnChg>
        <pc:cxnChg chg="del">
          <ac:chgData name="Lubomír Fojtů" userId="629ab448-eb35-4954-b771-bccc02d8ff90" providerId="ADAL" clId="{995FE33D-D744-4C25-9F36-CFCEF7D5137C}" dt="2019-04-01T08:15:25.997" v="147"/>
          <ac:cxnSpMkLst>
            <pc:docMk/>
            <pc:sldMk cId="938656710" sldId="258"/>
            <ac:cxnSpMk id="3843" creationId="{1AFBB6A3-EF89-4F72-85D9-C5AD1BEE2FE2}"/>
          </ac:cxnSpMkLst>
        </pc:cxnChg>
        <pc:cxnChg chg="del">
          <ac:chgData name="Lubomír Fojtů" userId="629ab448-eb35-4954-b771-bccc02d8ff90" providerId="ADAL" clId="{995FE33D-D744-4C25-9F36-CFCEF7D5137C}" dt="2019-04-01T08:15:25.997" v="145"/>
          <ac:cxnSpMkLst>
            <pc:docMk/>
            <pc:sldMk cId="938656710" sldId="258"/>
            <ac:cxnSpMk id="3844" creationId="{20D3BB9A-4047-42A8-9D8D-0C9A5AD84BE8}"/>
          </ac:cxnSpMkLst>
        </pc:cxnChg>
        <pc:cxnChg chg="del">
          <ac:chgData name="Lubomír Fojtů" userId="629ab448-eb35-4954-b771-bccc02d8ff90" providerId="ADAL" clId="{995FE33D-D744-4C25-9F36-CFCEF7D5137C}" dt="2019-04-01T08:15:25.997" v="143"/>
          <ac:cxnSpMkLst>
            <pc:docMk/>
            <pc:sldMk cId="938656710" sldId="258"/>
            <ac:cxnSpMk id="3845" creationId="{AA279153-D8FC-4561-AB73-ADE599A89376}"/>
          </ac:cxnSpMkLst>
        </pc:cxnChg>
        <pc:cxnChg chg="del">
          <ac:chgData name="Lubomír Fojtů" userId="629ab448-eb35-4954-b771-bccc02d8ff90" providerId="ADAL" clId="{995FE33D-D744-4C25-9F36-CFCEF7D5137C}" dt="2019-04-01T08:15:25.997" v="141"/>
          <ac:cxnSpMkLst>
            <pc:docMk/>
            <pc:sldMk cId="938656710" sldId="258"/>
            <ac:cxnSpMk id="3846" creationId="{3CA2BD86-DB63-4943-AD03-49CEAE7E2935}"/>
          </ac:cxnSpMkLst>
        </pc:cxnChg>
        <pc:cxnChg chg="del">
          <ac:chgData name="Lubomír Fojtů" userId="629ab448-eb35-4954-b771-bccc02d8ff90" providerId="ADAL" clId="{995FE33D-D744-4C25-9F36-CFCEF7D5137C}" dt="2019-04-01T08:15:25.997" v="139"/>
          <ac:cxnSpMkLst>
            <pc:docMk/>
            <pc:sldMk cId="938656710" sldId="258"/>
            <ac:cxnSpMk id="3847" creationId="{6ECF4029-DE8F-4E8A-9AA2-79582D7888F4}"/>
          </ac:cxnSpMkLst>
        </pc:cxnChg>
        <pc:cxnChg chg="del">
          <ac:chgData name="Lubomír Fojtů" userId="629ab448-eb35-4954-b771-bccc02d8ff90" providerId="ADAL" clId="{995FE33D-D744-4C25-9F36-CFCEF7D5137C}" dt="2019-04-01T08:15:25.997" v="137"/>
          <ac:cxnSpMkLst>
            <pc:docMk/>
            <pc:sldMk cId="938656710" sldId="258"/>
            <ac:cxnSpMk id="3848" creationId="{02BBA143-D9D9-4085-A4D6-1221B9316479}"/>
          </ac:cxnSpMkLst>
        </pc:cxnChg>
        <pc:cxnChg chg="del">
          <ac:chgData name="Lubomír Fojtů" userId="629ab448-eb35-4954-b771-bccc02d8ff90" providerId="ADAL" clId="{995FE33D-D744-4C25-9F36-CFCEF7D5137C}" dt="2019-04-01T08:15:25.997" v="135"/>
          <ac:cxnSpMkLst>
            <pc:docMk/>
            <pc:sldMk cId="938656710" sldId="258"/>
            <ac:cxnSpMk id="3849" creationId="{C09C70AE-CE85-4D82-9FE4-CF6233B2E90C}"/>
          </ac:cxnSpMkLst>
        </pc:cxnChg>
        <pc:cxnChg chg="del">
          <ac:chgData name="Lubomír Fojtů" userId="629ab448-eb35-4954-b771-bccc02d8ff90" providerId="ADAL" clId="{995FE33D-D744-4C25-9F36-CFCEF7D5137C}" dt="2019-04-01T08:15:26.032" v="237"/>
          <ac:cxnSpMkLst>
            <pc:docMk/>
            <pc:sldMk cId="938656710" sldId="258"/>
            <ac:cxnSpMk id="3850" creationId="{31554725-8125-45A8-97F4-75600DB83652}"/>
          </ac:cxnSpMkLst>
        </pc:cxnChg>
        <pc:cxnChg chg="del">
          <ac:chgData name="Lubomír Fojtů" userId="629ab448-eb35-4954-b771-bccc02d8ff90" providerId="ADAL" clId="{995FE33D-D744-4C25-9F36-CFCEF7D5137C}" dt="2019-04-01T08:15:26.032" v="235"/>
          <ac:cxnSpMkLst>
            <pc:docMk/>
            <pc:sldMk cId="938656710" sldId="258"/>
            <ac:cxnSpMk id="3851" creationId="{E3C6CA8D-EBF6-4FC6-BAEA-DB30FB1C94A1}"/>
          </ac:cxnSpMkLst>
        </pc:cxnChg>
        <pc:cxnChg chg="del">
          <ac:chgData name="Lubomír Fojtů" userId="629ab448-eb35-4954-b771-bccc02d8ff90" providerId="ADAL" clId="{995FE33D-D744-4C25-9F36-CFCEF7D5137C}" dt="2019-04-01T08:15:26.032" v="233"/>
          <ac:cxnSpMkLst>
            <pc:docMk/>
            <pc:sldMk cId="938656710" sldId="258"/>
            <ac:cxnSpMk id="3852" creationId="{037959C3-1173-432A-A776-FB4BF56306BD}"/>
          </ac:cxnSpMkLst>
        </pc:cxnChg>
        <pc:cxnChg chg="del">
          <ac:chgData name="Lubomír Fojtů" userId="629ab448-eb35-4954-b771-bccc02d8ff90" providerId="ADAL" clId="{995FE33D-D744-4C25-9F36-CFCEF7D5137C}" dt="2019-04-01T08:15:25.997" v="133"/>
          <ac:cxnSpMkLst>
            <pc:docMk/>
            <pc:sldMk cId="938656710" sldId="258"/>
            <ac:cxnSpMk id="3853" creationId="{C1610452-59E3-49F8-A153-8E565E74AB96}"/>
          </ac:cxnSpMkLst>
        </pc:cxnChg>
        <pc:cxnChg chg="del">
          <ac:chgData name="Lubomír Fojtů" userId="629ab448-eb35-4954-b771-bccc02d8ff90" providerId="ADAL" clId="{995FE33D-D744-4C25-9F36-CFCEF7D5137C}" dt="2019-04-01T08:15:25.997" v="131"/>
          <ac:cxnSpMkLst>
            <pc:docMk/>
            <pc:sldMk cId="938656710" sldId="258"/>
            <ac:cxnSpMk id="3854" creationId="{6DE15BF3-2B35-4421-A88A-C9EF3221EC29}"/>
          </ac:cxnSpMkLst>
        </pc:cxnChg>
        <pc:cxnChg chg="del">
          <ac:chgData name="Lubomír Fojtů" userId="629ab448-eb35-4954-b771-bccc02d8ff90" providerId="ADAL" clId="{995FE33D-D744-4C25-9F36-CFCEF7D5137C}" dt="2019-04-01T08:15:25.997" v="129"/>
          <ac:cxnSpMkLst>
            <pc:docMk/>
            <pc:sldMk cId="938656710" sldId="258"/>
            <ac:cxnSpMk id="3855" creationId="{D1E20946-AB02-44FA-A2EF-48E2D22816DF}"/>
          </ac:cxnSpMkLst>
        </pc:cxnChg>
        <pc:cxnChg chg="del">
          <ac:chgData name="Lubomír Fojtů" userId="629ab448-eb35-4954-b771-bccc02d8ff90" providerId="ADAL" clId="{995FE33D-D744-4C25-9F36-CFCEF7D5137C}" dt="2019-04-01T08:15:25.981" v="127"/>
          <ac:cxnSpMkLst>
            <pc:docMk/>
            <pc:sldMk cId="938656710" sldId="258"/>
            <ac:cxnSpMk id="3856" creationId="{2169F439-79EC-4A20-9B1B-F01747B5DBD4}"/>
          </ac:cxnSpMkLst>
        </pc:cxnChg>
        <pc:cxnChg chg="del">
          <ac:chgData name="Lubomír Fojtů" userId="629ab448-eb35-4954-b771-bccc02d8ff90" providerId="ADAL" clId="{995FE33D-D744-4C25-9F36-CFCEF7D5137C}" dt="2019-04-01T08:15:25.981" v="125"/>
          <ac:cxnSpMkLst>
            <pc:docMk/>
            <pc:sldMk cId="938656710" sldId="258"/>
            <ac:cxnSpMk id="3857" creationId="{54D6A1BE-5524-4772-9B78-C67943F70229}"/>
          </ac:cxnSpMkLst>
        </pc:cxnChg>
        <pc:cxnChg chg="del">
          <ac:chgData name="Lubomír Fojtů" userId="629ab448-eb35-4954-b771-bccc02d8ff90" providerId="ADAL" clId="{995FE33D-D744-4C25-9F36-CFCEF7D5137C}" dt="2019-04-01T08:15:25.981" v="121"/>
          <ac:cxnSpMkLst>
            <pc:docMk/>
            <pc:sldMk cId="938656710" sldId="258"/>
            <ac:cxnSpMk id="3858" creationId="{2EF018E3-BEDA-462D-B1A4-6C20F88E75A1}"/>
          </ac:cxnSpMkLst>
        </pc:cxnChg>
        <pc:cxnChg chg="del">
          <ac:chgData name="Lubomír Fojtů" userId="629ab448-eb35-4954-b771-bccc02d8ff90" providerId="ADAL" clId="{995FE33D-D744-4C25-9F36-CFCEF7D5137C}" dt="2019-04-01T08:15:25.981" v="119"/>
          <ac:cxnSpMkLst>
            <pc:docMk/>
            <pc:sldMk cId="938656710" sldId="258"/>
            <ac:cxnSpMk id="3859" creationId="{E8B24A1D-456B-45D0-8560-331FEC5D39D5}"/>
          </ac:cxnSpMkLst>
        </pc:cxnChg>
        <pc:cxnChg chg="del">
          <ac:chgData name="Lubomír Fojtů" userId="629ab448-eb35-4954-b771-bccc02d8ff90" providerId="ADAL" clId="{995FE33D-D744-4C25-9F36-CFCEF7D5137C}" dt="2019-04-01T08:15:25.981" v="117"/>
          <ac:cxnSpMkLst>
            <pc:docMk/>
            <pc:sldMk cId="938656710" sldId="258"/>
            <ac:cxnSpMk id="3860" creationId="{28566FDD-415D-4724-B0F0-C28B5A04D245}"/>
          </ac:cxnSpMkLst>
        </pc:cxnChg>
        <pc:cxnChg chg="del">
          <ac:chgData name="Lubomír Fojtů" userId="629ab448-eb35-4954-b771-bccc02d8ff90" providerId="ADAL" clId="{995FE33D-D744-4C25-9F36-CFCEF7D5137C}" dt="2019-04-01T08:15:25.981" v="115"/>
          <ac:cxnSpMkLst>
            <pc:docMk/>
            <pc:sldMk cId="938656710" sldId="258"/>
            <ac:cxnSpMk id="3861" creationId="{DD8F6AC2-160A-4BE3-ABC0-341E04E5D8A2}"/>
          </ac:cxnSpMkLst>
        </pc:cxnChg>
        <pc:cxnChg chg="del">
          <ac:chgData name="Lubomír Fojtů" userId="629ab448-eb35-4954-b771-bccc02d8ff90" providerId="ADAL" clId="{995FE33D-D744-4C25-9F36-CFCEF7D5137C}" dt="2019-04-01T08:15:25.981" v="113"/>
          <ac:cxnSpMkLst>
            <pc:docMk/>
            <pc:sldMk cId="938656710" sldId="258"/>
            <ac:cxnSpMk id="3862" creationId="{EC7FAE4A-BAE2-420A-B6E6-E912B25A689D}"/>
          </ac:cxnSpMkLst>
        </pc:cxnChg>
        <pc:cxnChg chg="del">
          <ac:chgData name="Lubomír Fojtů" userId="629ab448-eb35-4954-b771-bccc02d8ff90" providerId="ADAL" clId="{995FE33D-D744-4C25-9F36-CFCEF7D5137C}" dt="2019-04-01T08:15:25.981" v="111"/>
          <ac:cxnSpMkLst>
            <pc:docMk/>
            <pc:sldMk cId="938656710" sldId="258"/>
            <ac:cxnSpMk id="3863" creationId="{E0BA642B-F66E-4E48-BE1B-B59212521EFF}"/>
          </ac:cxnSpMkLst>
        </pc:cxnChg>
        <pc:cxnChg chg="del">
          <ac:chgData name="Lubomír Fojtů" userId="629ab448-eb35-4954-b771-bccc02d8ff90" providerId="ADAL" clId="{995FE33D-D744-4C25-9F36-CFCEF7D5137C}" dt="2019-04-01T08:15:25.981" v="109"/>
          <ac:cxnSpMkLst>
            <pc:docMk/>
            <pc:sldMk cId="938656710" sldId="258"/>
            <ac:cxnSpMk id="3864" creationId="{5EA9A032-21E8-4410-B181-AC4604CDAFB6}"/>
          </ac:cxnSpMkLst>
        </pc:cxnChg>
        <pc:cxnChg chg="del">
          <ac:chgData name="Lubomír Fojtů" userId="629ab448-eb35-4954-b771-bccc02d8ff90" providerId="ADAL" clId="{995FE33D-D744-4C25-9F36-CFCEF7D5137C}" dt="2019-04-01T08:15:25.981" v="107"/>
          <ac:cxnSpMkLst>
            <pc:docMk/>
            <pc:sldMk cId="938656710" sldId="258"/>
            <ac:cxnSpMk id="3865" creationId="{CF05E4A1-7593-4F91-8EE6-C539BF9BD06E}"/>
          </ac:cxnSpMkLst>
        </pc:cxnChg>
        <pc:cxnChg chg="del">
          <ac:chgData name="Lubomír Fojtů" userId="629ab448-eb35-4954-b771-bccc02d8ff90" providerId="ADAL" clId="{995FE33D-D744-4C25-9F36-CFCEF7D5137C}" dt="2019-04-01T08:15:25.981" v="105"/>
          <ac:cxnSpMkLst>
            <pc:docMk/>
            <pc:sldMk cId="938656710" sldId="258"/>
            <ac:cxnSpMk id="3866" creationId="{6B45BE03-4F60-47C5-B2C9-68055F2A090B}"/>
          </ac:cxnSpMkLst>
        </pc:cxnChg>
        <pc:cxnChg chg="del">
          <ac:chgData name="Lubomír Fojtů" userId="629ab448-eb35-4954-b771-bccc02d8ff90" providerId="ADAL" clId="{995FE33D-D744-4C25-9F36-CFCEF7D5137C}" dt="2019-04-01T08:15:25.981" v="103"/>
          <ac:cxnSpMkLst>
            <pc:docMk/>
            <pc:sldMk cId="938656710" sldId="258"/>
            <ac:cxnSpMk id="3867" creationId="{E88CD30E-8D66-45F5-B51F-E33EC737BF8A}"/>
          </ac:cxnSpMkLst>
        </pc:cxnChg>
        <pc:cxnChg chg="add del mod ord">
          <ac:chgData name="Lubomír Fojtů" userId="629ab448-eb35-4954-b771-bccc02d8ff90" providerId="ADAL" clId="{995FE33D-D744-4C25-9F36-CFCEF7D5137C}" dt="2019-04-01T08:16:53.879" v="14402"/>
          <ac:cxnSpMkLst>
            <pc:docMk/>
            <pc:sldMk cId="938656710" sldId="258"/>
            <ac:cxnSpMk id="4025" creationId="{4828D8E6-F383-4843-A468-9D370712CBAB}"/>
          </ac:cxnSpMkLst>
        </pc:cxnChg>
        <pc:cxnChg chg="del">
          <ac:chgData name="Lubomír Fojtů" userId="629ab448-eb35-4954-b771-bccc02d8ff90" providerId="ADAL" clId="{995FE33D-D744-4C25-9F36-CFCEF7D5137C}" dt="2019-04-01T08:15:25.981" v="123"/>
          <ac:cxnSpMkLst>
            <pc:docMk/>
            <pc:sldMk cId="938656710" sldId="258"/>
            <ac:cxnSpMk id="4026" creationId="{53816492-8250-418D-809E-740AACBBF70C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400"/>
          <ac:cxnSpMkLst>
            <pc:docMk/>
            <pc:sldMk cId="938656710" sldId="258"/>
            <ac:cxnSpMk id="4027" creationId="{DF98F19C-01AC-4541-9005-E6FA6C6040A1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98"/>
          <ac:cxnSpMkLst>
            <pc:docMk/>
            <pc:sldMk cId="938656710" sldId="258"/>
            <ac:cxnSpMk id="4028" creationId="{343E6EB8-C86B-4693-9427-BC222550F2C0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96"/>
          <ac:cxnSpMkLst>
            <pc:docMk/>
            <pc:sldMk cId="938656710" sldId="258"/>
            <ac:cxnSpMk id="4029" creationId="{484BAB05-D4CF-4E7A-B0FB-21EDABD753E7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94"/>
          <ac:cxnSpMkLst>
            <pc:docMk/>
            <pc:sldMk cId="938656710" sldId="258"/>
            <ac:cxnSpMk id="4030" creationId="{31D3B7AE-1156-4458-93E4-BCCA15340239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92"/>
          <ac:cxnSpMkLst>
            <pc:docMk/>
            <pc:sldMk cId="938656710" sldId="258"/>
            <ac:cxnSpMk id="4031" creationId="{24A5518F-427B-4136-9EAD-BC8BF45722E9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90"/>
          <ac:cxnSpMkLst>
            <pc:docMk/>
            <pc:sldMk cId="938656710" sldId="258"/>
            <ac:cxnSpMk id="4032" creationId="{D2F6B8ED-EA43-4CF4-B851-197ABB1D39CE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88"/>
          <ac:cxnSpMkLst>
            <pc:docMk/>
            <pc:sldMk cId="938656710" sldId="258"/>
            <ac:cxnSpMk id="4033" creationId="{3A93B1A4-E1CA-467C-8470-DAC54B0EC663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86"/>
          <ac:cxnSpMkLst>
            <pc:docMk/>
            <pc:sldMk cId="938656710" sldId="258"/>
            <ac:cxnSpMk id="4034" creationId="{768B03ED-9571-41B0-87EF-9DFEBAC8AB48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84"/>
          <ac:cxnSpMkLst>
            <pc:docMk/>
            <pc:sldMk cId="938656710" sldId="258"/>
            <ac:cxnSpMk id="4035" creationId="{1B93CDCA-5BF6-4555-B10D-CC8143E45802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82"/>
          <ac:cxnSpMkLst>
            <pc:docMk/>
            <pc:sldMk cId="938656710" sldId="258"/>
            <ac:cxnSpMk id="4036" creationId="{ED071B91-EEA0-4BD5-8A1C-8B7E2F307181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80"/>
          <ac:cxnSpMkLst>
            <pc:docMk/>
            <pc:sldMk cId="938656710" sldId="258"/>
            <ac:cxnSpMk id="4037" creationId="{8F31727A-66BC-47DF-8899-8FFFF3304406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78"/>
          <ac:cxnSpMkLst>
            <pc:docMk/>
            <pc:sldMk cId="938656710" sldId="258"/>
            <ac:cxnSpMk id="4038" creationId="{328D2B2D-A87B-4479-83DB-7A945ADADBBC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76"/>
          <ac:cxnSpMkLst>
            <pc:docMk/>
            <pc:sldMk cId="938656710" sldId="258"/>
            <ac:cxnSpMk id="4039" creationId="{3D2F31C3-741C-4986-91CE-66697D8CBC9A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74"/>
          <ac:cxnSpMkLst>
            <pc:docMk/>
            <pc:sldMk cId="938656710" sldId="258"/>
            <ac:cxnSpMk id="4040" creationId="{40C09A02-5115-46B1-9278-DFF04FFEDE0B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72"/>
          <ac:cxnSpMkLst>
            <pc:docMk/>
            <pc:sldMk cId="938656710" sldId="258"/>
            <ac:cxnSpMk id="4041" creationId="{B3B6AFCB-A54C-44C3-87C3-816445D81F2F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70"/>
          <ac:cxnSpMkLst>
            <pc:docMk/>
            <pc:sldMk cId="938656710" sldId="258"/>
            <ac:cxnSpMk id="4042" creationId="{E9473EFC-0057-4CE3-9E41-BC7CA08F3D9E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68"/>
          <ac:cxnSpMkLst>
            <pc:docMk/>
            <pc:sldMk cId="938656710" sldId="258"/>
            <ac:cxnSpMk id="4043" creationId="{926AE70B-EAD1-4530-9D06-5340BBCF419F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66"/>
          <ac:cxnSpMkLst>
            <pc:docMk/>
            <pc:sldMk cId="938656710" sldId="258"/>
            <ac:cxnSpMk id="4044" creationId="{46D795A0-0421-4002-8CB3-F06BB1989F5E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64"/>
          <ac:cxnSpMkLst>
            <pc:docMk/>
            <pc:sldMk cId="938656710" sldId="258"/>
            <ac:cxnSpMk id="4045" creationId="{96B2561B-9E49-44FB-B66C-E4CA4D945988}"/>
          </ac:cxnSpMkLst>
        </pc:cxnChg>
        <pc:cxnChg chg="add del mod ord">
          <ac:chgData name="Lubomír Fojtů" userId="629ab448-eb35-4954-b771-bccc02d8ff90" providerId="ADAL" clId="{995FE33D-D744-4C25-9F36-CFCEF7D5137C}" dt="2019-04-01T08:16:53.863" v="14362"/>
          <ac:cxnSpMkLst>
            <pc:docMk/>
            <pc:sldMk cId="938656710" sldId="258"/>
            <ac:cxnSpMk id="4046" creationId="{4C17A2B9-5279-418D-9D53-5239DBABDC4E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60"/>
          <ac:cxnSpMkLst>
            <pc:docMk/>
            <pc:sldMk cId="938656710" sldId="258"/>
            <ac:cxnSpMk id="4047" creationId="{BE1D2BDC-6FE3-4026-A68E-A1EB8A1C3541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58"/>
          <ac:cxnSpMkLst>
            <pc:docMk/>
            <pc:sldMk cId="938656710" sldId="258"/>
            <ac:cxnSpMk id="4048" creationId="{FA9AF1B8-8382-4ED4-8520-5FCB5155BE05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56"/>
          <ac:cxnSpMkLst>
            <pc:docMk/>
            <pc:sldMk cId="938656710" sldId="258"/>
            <ac:cxnSpMk id="4049" creationId="{3A12AD10-5734-4906-A085-A3A09292927D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54"/>
          <ac:cxnSpMkLst>
            <pc:docMk/>
            <pc:sldMk cId="938656710" sldId="258"/>
            <ac:cxnSpMk id="4050" creationId="{295ACCB3-1C1E-435E-9A36-508A3CB049FF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52"/>
          <ac:cxnSpMkLst>
            <pc:docMk/>
            <pc:sldMk cId="938656710" sldId="258"/>
            <ac:cxnSpMk id="4051" creationId="{F9B7EC2C-AB48-4D78-9244-DB8948F2D894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50"/>
          <ac:cxnSpMkLst>
            <pc:docMk/>
            <pc:sldMk cId="938656710" sldId="258"/>
            <ac:cxnSpMk id="4052" creationId="{A41650FD-B7C3-461D-9436-339F9F19D171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48"/>
          <ac:cxnSpMkLst>
            <pc:docMk/>
            <pc:sldMk cId="938656710" sldId="258"/>
            <ac:cxnSpMk id="4053" creationId="{2600D568-9007-4778-AE27-76D6724ED080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46"/>
          <ac:cxnSpMkLst>
            <pc:docMk/>
            <pc:sldMk cId="938656710" sldId="258"/>
            <ac:cxnSpMk id="4054" creationId="{4397ABE7-99D9-45F2-8B7C-F9AA4FB8407C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44"/>
          <ac:cxnSpMkLst>
            <pc:docMk/>
            <pc:sldMk cId="938656710" sldId="258"/>
            <ac:cxnSpMk id="4055" creationId="{B99EF014-66DE-4499-957A-763077D0E90C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42"/>
          <ac:cxnSpMkLst>
            <pc:docMk/>
            <pc:sldMk cId="938656710" sldId="258"/>
            <ac:cxnSpMk id="4056" creationId="{1EAC76B7-E633-49CB-9C97-D0E60A95C812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40"/>
          <ac:cxnSpMkLst>
            <pc:docMk/>
            <pc:sldMk cId="938656710" sldId="258"/>
            <ac:cxnSpMk id="4057" creationId="{990EE8CD-23CF-4414-A13A-F484E37156B9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38"/>
          <ac:cxnSpMkLst>
            <pc:docMk/>
            <pc:sldMk cId="938656710" sldId="258"/>
            <ac:cxnSpMk id="4058" creationId="{845F44F7-58A8-4665-8D8D-40841C6EC5BC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36"/>
          <ac:cxnSpMkLst>
            <pc:docMk/>
            <pc:sldMk cId="938656710" sldId="258"/>
            <ac:cxnSpMk id="4059" creationId="{0C1D50A4-D0CF-44B1-A5E5-81D5BC79CAB1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34"/>
          <ac:cxnSpMkLst>
            <pc:docMk/>
            <pc:sldMk cId="938656710" sldId="258"/>
            <ac:cxnSpMk id="4060" creationId="{74B8CCA8-D0D9-437A-BC2C-BFF204C5B17D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32"/>
          <ac:cxnSpMkLst>
            <pc:docMk/>
            <pc:sldMk cId="938656710" sldId="258"/>
            <ac:cxnSpMk id="4061" creationId="{C7784D9D-E234-4621-BDC4-62B6100CB84F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30"/>
          <ac:cxnSpMkLst>
            <pc:docMk/>
            <pc:sldMk cId="938656710" sldId="258"/>
            <ac:cxnSpMk id="4062" creationId="{F0A3111E-BDE9-484F-BC55-74866ED8024F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28"/>
          <ac:cxnSpMkLst>
            <pc:docMk/>
            <pc:sldMk cId="938656710" sldId="258"/>
            <ac:cxnSpMk id="4063" creationId="{07A18AAC-E0A9-4E03-AA69-4BD85144F75E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26"/>
          <ac:cxnSpMkLst>
            <pc:docMk/>
            <pc:sldMk cId="938656710" sldId="258"/>
            <ac:cxnSpMk id="4064" creationId="{B5B9F5B8-CBC6-42C3-B51A-3A3FF3725F89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24"/>
          <ac:cxnSpMkLst>
            <pc:docMk/>
            <pc:sldMk cId="938656710" sldId="258"/>
            <ac:cxnSpMk id="4065" creationId="{98B8CBE7-1BD5-4919-9636-35A33023E10B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22"/>
          <ac:cxnSpMkLst>
            <pc:docMk/>
            <pc:sldMk cId="938656710" sldId="258"/>
            <ac:cxnSpMk id="4066" creationId="{081219C8-E1B3-4BA7-A607-BA60C97A3CED}"/>
          </ac:cxnSpMkLst>
        </pc:cxnChg>
        <pc:cxnChg chg="add del mod ord">
          <ac:chgData name="Lubomír Fojtů" userId="629ab448-eb35-4954-b771-bccc02d8ff90" providerId="ADAL" clId="{995FE33D-D744-4C25-9F36-CFCEF7D5137C}" dt="2019-04-01T08:16:53.848" v="14320"/>
          <ac:cxnSpMkLst>
            <pc:docMk/>
            <pc:sldMk cId="938656710" sldId="258"/>
            <ac:cxnSpMk id="4067" creationId="{8A17751C-C5B6-4C47-8011-ECA0F7E397B4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318"/>
          <ac:cxnSpMkLst>
            <pc:docMk/>
            <pc:sldMk cId="938656710" sldId="258"/>
            <ac:cxnSpMk id="4068" creationId="{E6945FEC-1FAC-4689-8CF2-40459F629473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316"/>
          <ac:cxnSpMkLst>
            <pc:docMk/>
            <pc:sldMk cId="938656710" sldId="258"/>
            <ac:cxnSpMk id="4069" creationId="{782A7D7F-6B48-44EC-A640-C1B6AA85052E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314"/>
          <ac:cxnSpMkLst>
            <pc:docMk/>
            <pc:sldMk cId="938656710" sldId="258"/>
            <ac:cxnSpMk id="4070" creationId="{D5198817-84D9-405B-B5C7-FF7A5BFD6D6F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312"/>
          <ac:cxnSpMkLst>
            <pc:docMk/>
            <pc:sldMk cId="938656710" sldId="258"/>
            <ac:cxnSpMk id="4071" creationId="{78B04556-3678-4F05-8293-278884A3CA7D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310"/>
          <ac:cxnSpMkLst>
            <pc:docMk/>
            <pc:sldMk cId="938656710" sldId="258"/>
            <ac:cxnSpMk id="4072" creationId="{1D287ECF-4EFA-41B3-8FCC-8D592AE92FB7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308"/>
          <ac:cxnSpMkLst>
            <pc:docMk/>
            <pc:sldMk cId="938656710" sldId="258"/>
            <ac:cxnSpMk id="4073" creationId="{9BFB77D6-27ED-4DD8-8E08-CAFC32AE384E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306"/>
          <ac:cxnSpMkLst>
            <pc:docMk/>
            <pc:sldMk cId="938656710" sldId="258"/>
            <ac:cxnSpMk id="4074" creationId="{2F793FCB-DCB3-411A-865F-98D99CC200F8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304"/>
          <ac:cxnSpMkLst>
            <pc:docMk/>
            <pc:sldMk cId="938656710" sldId="258"/>
            <ac:cxnSpMk id="4075" creationId="{BC90B599-DBCB-4F46-BBDF-CF41A77E43AD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302"/>
          <ac:cxnSpMkLst>
            <pc:docMk/>
            <pc:sldMk cId="938656710" sldId="258"/>
            <ac:cxnSpMk id="4076" creationId="{E1E9255E-90ED-4F50-9EAE-96488D0C3013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300"/>
          <ac:cxnSpMkLst>
            <pc:docMk/>
            <pc:sldMk cId="938656710" sldId="258"/>
            <ac:cxnSpMk id="4077" creationId="{87CF5931-E60D-4719-92AF-90F48AD1FB5B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98"/>
          <ac:cxnSpMkLst>
            <pc:docMk/>
            <pc:sldMk cId="938656710" sldId="258"/>
            <ac:cxnSpMk id="4078" creationId="{6040B39F-5673-49D1-8857-F6C69F763E4A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96"/>
          <ac:cxnSpMkLst>
            <pc:docMk/>
            <pc:sldMk cId="938656710" sldId="258"/>
            <ac:cxnSpMk id="4079" creationId="{B56FF40C-04BD-4407-855B-AF8BE8BF3CE1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94"/>
          <ac:cxnSpMkLst>
            <pc:docMk/>
            <pc:sldMk cId="938656710" sldId="258"/>
            <ac:cxnSpMk id="4080" creationId="{2F73D935-B442-4B4E-904A-36B6A0FBB09F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92"/>
          <ac:cxnSpMkLst>
            <pc:docMk/>
            <pc:sldMk cId="938656710" sldId="258"/>
            <ac:cxnSpMk id="4081" creationId="{3CE0B35B-5A34-4DFF-BB9A-CE2A3D77EBE6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90"/>
          <ac:cxnSpMkLst>
            <pc:docMk/>
            <pc:sldMk cId="938656710" sldId="258"/>
            <ac:cxnSpMk id="4082" creationId="{7BEF71E4-03CE-4A02-9BBD-433D7F73256E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88"/>
          <ac:cxnSpMkLst>
            <pc:docMk/>
            <pc:sldMk cId="938656710" sldId="258"/>
            <ac:cxnSpMk id="4083" creationId="{8B90C740-989E-4F92-A8FB-C41C9E26FA0D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86"/>
          <ac:cxnSpMkLst>
            <pc:docMk/>
            <pc:sldMk cId="938656710" sldId="258"/>
            <ac:cxnSpMk id="4084" creationId="{757B3104-0F35-4941-91F9-F6558B885050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84"/>
          <ac:cxnSpMkLst>
            <pc:docMk/>
            <pc:sldMk cId="938656710" sldId="258"/>
            <ac:cxnSpMk id="4085" creationId="{33323A5B-054A-4521-A5BF-EF6723A64914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82"/>
          <ac:cxnSpMkLst>
            <pc:docMk/>
            <pc:sldMk cId="938656710" sldId="258"/>
            <ac:cxnSpMk id="4086" creationId="{43F9CCBD-E7C8-4B32-9AFD-9B7BCD57CDED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80"/>
          <ac:cxnSpMkLst>
            <pc:docMk/>
            <pc:sldMk cId="938656710" sldId="258"/>
            <ac:cxnSpMk id="4087" creationId="{6EFA611A-E26B-47F7-8386-DE57F34445B4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78"/>
          <ac:cxnSpMkLst>
            <pc:docMk/>
            <pc:sldMk cId="938656710" sldId="258"/>
            <ac:cxnSpMk id="4088" creationId="{8FCE637F-BE35-44DF-AFA5-8B3B94C6D10B}"/>
          </ac:cxnSpMkLst>
        </pc:cxnChg>
        <pc:cxnChg chg="add del mod ord">
          <ac:chgData name="Lubomír Fojtů" userId="629ab448-eb35-4954-b771-bccc02d8ff90" providerId="ADAL" clId="{995FE33D-D744-4C25-9F36-CFCEF7D5137C}" dt="2019-04-01T08:16:53.832" v="14276"/>
          <ac:cxnSpMkLst>
            <pc:docMk/>
            <pc:sldMk cId="938656710" sldId="258"/>
            <ac:cxnSpMk id="4089" creationId="{B8876C91-E752-4013-A6AA-BD51297C0A8E}"/>
          </ac:cxnSpMkLst>
        </pc:cxnChg>
        <pc:cxnChg chg="add del mod ord">
          <ac:chgData name="Lubomír Fojtů" userId="629ab448-eb35-4954-b771-bccc02d8ff90" providerId="ADAL" clId="{995FE33D-D744-4C25-9F36-CFCEF7D5137C}" dt="2019-04-01T08:16:53.816" v="14274"/>
          <ac:cxnSpMkLst>
            <pc:docMk/>
            <pc:sldMk cId="938656710" sldId="258"/>
            <ac:cxnSpMk id="4090" creationId="{EA6AC477-44D9-4869-A6D9-A249756506DF}"/>
          </ac:cxnSpMkLst>
        </pc:cxnChg>
        <pc:cxnChg chg="add del mod ord">
          <ac:chgData name="Lubomír Fojtů" userId="629ab448-eb35-4954-b771-bccc02d8ff90" providerId="ADAL" clId="{995FE33D-D744-4C25-9F36-CFCEF7D5137C}" dt="2019-04-01T08:16:53.816" v="14272"/>
          <ac:cxnSpMkLst>
            <pc:docMk/>
            <pc:sldMk cId="938656710" sldId="258"/>
            <ac:cxnSpMk id="4091" creationId="{3BF680C5-214E-4F49-A265-7C33E5AB1EF4}"/>
          </ac:cxnSpMkLst>
        </pc:cxnChg>
        <pc:cxnChg chg="add mod">
          <ac:chgData name="Lubomír Fojtů" userId="629ab448-eb35-4954-b771-bccc02d8ff90" providerId="ADAL" clId="{995FE33D-D744-4C25-9F36-CFCEF7D5137C}" dt="2019-04-01T08:16:54.691" v="15025" actId="208"/>
          <ac:cxnSpMkLst>
            <pc:docMk/>
            <pc:sldMk cId="938656710" sldId="258"/>
            <ac:cxnSpMk id="4259" creationId="{1460BEB8-12F5-4F43-A367-3EE8280CD5BB}"/>
          </ac:cxnSpMkLst>
        </pc:cxnChg>
        <pc:cxnChg chg="add mod">
          <ac:chgData name="Lubomír Fojtů" userId="629ab448-eb35-4954-b771-bccc02d8ff90" providerId="ADAL" clId="{995FE33D-D744-4C25-9F36-CFCEF7D5137C}" dt="2019-04-01T08:16:54.707" v="15073" actId="208"/>
          <ac:cxnSpMkLst>
            <pc:docMk/>
            <pc:sldMk cId="938656710" sldId="258"/>
            <ac:cxnSpMk id="4261" creationId="{E2FF398F-9E39-4E3E-93E4-9686F1F71EDF}"/>
          </ac:cxnSpMkLst>
        </pc:cxnChg>
        <pc:cxnChg chg="add mod">
          <ac:chgData name="Lubomír Fojtů" userId="629ab448-eb35-4954-b771-bccc02d8ff90" providerId="ADAL" clId="{995FE33D-D744-4C25-9F36-CFCEF7D5137C}" dt="2019-04-01T08:16:54.738" v="15121" actId="208"/>
          <ac:cxnSpMkLst>
            <pc:docMk/>
            <pc:sldMk cId="938656710" sldId="258"/>
            <ac:cxnSpMk id="4263" creationId="{A732064D-95A0-43CF-A00B-A6FEB8AF104D}"/>
          </ac:cxnSpMkLst>
        </pc:cxnChg>
        <pc:cxnChg chg="add mod">
          <ac:chgData name="Lubomír Fojtů" userId="629ab448-eb35-4954-b771-bccc02d8ff90" providerId="ADAL" clId="{995FE33D-D744-4C25-9F36-CFCEF7D5137C}" dt="2019-04-01T08:16:54.769" v="15169" actId="208"/>
          <ac:cxnSpMkLst>
            <pc:docMk/>
            <pc:sldMk cId="938656710" sldId="258"/>
            <ac:cxnSpMk id="4265" creationId="{B78EB980-C2EC-483C-8315-03773EF0E98E}"/>
          </ac:cxnSpMkLst>
        </pc:cxnChg>
        <pc:cxnChg chg="add mod">
          <ac:chgData name="Lubomír Fojtů" userId="629ab448-eb35-4954-b771-bccc02d8ff90" providerId="ADAL" clId="{995FE33D-D744-4C25-9F36-CFCEF7D5137C}" dt="2019-04-01T08:16:54.800" v="15217" actId="208"/>
          <ac:cxnSpMkLst>
            <pc:docMk/>
            <pc:sldMk cId="938656710" sldId="258"/>
            <ac:cxnSpMk id="4267" creationId="{83A563B1-439C-42B1-B49E-A9A8C9F8D0FB}"/>
          </ac:cxnSpMkLst>
        </pc:cxnChg>
        <pc:cxnChg chg="add mod">
          <ac:chgData name="Lubomír Fojtů" userId="629ab448-eb35-4954-b771-bccc02d8ff90" providerId="ADAL" clId="{995FE33D-D744-4C25-9F36-CFCEF7D5137C}" dt="2019-04-01T08:16:54.816" v="15265" actId="208"/>
          <ac:cxnSpMkLst>
            <pc:docMk/>
            <pc:sldMk cId="938656710" sldId="258"/>
            <ac:cxnSpMk id="4269" creationId="{E93BB1F4-153B-4EB9-911C-C9DE1C39066A}"/>
          </ac:cxnSpMkLst>
        </pc:cxnChg>
        <pc:cxnChg chg="add mod">
          <ac:chgData name="Lubomír Fojtů" userId="629ab448-eb35-4954-b771-bccc02d8ff90" providerId="ADAL" clId="{995FE33D-D744-4C25-9F36-CFCEF7D5137C}" dt="2019-04-01T08:16:54.847" v="15313" actId="208"/>
          <ac:cxnSpMkLst>
            <pc:docMk/>
            <pc:sldMk cId="938656710" sldId="258"/>
            <ac:cxnSpMk id="4271" creationId="{BC51DEE7-E017-4946-B52E-E1204DECB63D}"/>
          </ac:cxnSpMkLst>
        </pc:cxnChg>
        <pc:cxnChg chg="add mod">
          <ac:chgData name="Lubomír Fojtů" userId="629ab448-eb35-4954-b771-bccc02d8ff90" providerId="ADAL" clId="{995FE33D-D744-4C25-9F36-CFCEF7D5137C}" dt="2019-04-01T08:16:54.879" v="15361" actId="208"/>
          <ac:cxnSpMkLst>
            <pc:docMk/>
            <pc:sldMk cId="938656710" sldId="258"/>
            <ac:cxnSpMk id="4273" creationId="{57197DC8-F2BE-4B0D-8FA0-7706B14E27C2}"/>
          </ac:cxnSpMkLst>
        </pc:cxnChg>
        <pc:cxnChg chg="add mod ord">
          <ac:chgData name="Lubomír Fojtů" userId="629ab448-eb35-4954-b771-bccc02d8ff90" providerId="ADAL" clId="{995FE33D-D744-4C25-9F36-CFCEF7D5137C}" dt="2019-04-01T08:16:54.910" v="15420"/>
          <ac:cxnSpMkLst>
            <pc:docMk/>
            <pc:sldMk cId="938656710" sldId="258"/>
            <ac:cxnSpMk id="4275" creationId="{02C944E4-26EA-43CC-AF07-F02554C1E2AF}"/>
          </ac:cxnSpMkLst>
        </pc:cxnChg>
        <pc:cxnChg chg="add mod ord">
          <ac:chgData name="Lubomír Fojtů" userId="629ab448-eb35-4954-b771-bccc02d8ff90" providerId="ADAL" clId="{995FE33D-D744-4C25-9F36-CFCEF7D5137C}" dt="2019-04-01T08:16:54.910" v="15437"/>
          <ac:cxnSpMkLst>
            <pc:docMk/>
            <pc:sldMk cId="938656710" sldId="258"/>
            <ac:cxnSpMk id="4276" creationId="{F7968468-A910-467C-82F5-E40CAAB1137F}"/>
          </ac:cxnSpMkLst>
        </pc:cxnChg>
        <pc:cxnChg chg="add mod ord">
          <ac:chgData name="Lubomír Fojtů" userId="629ab448-eb35-4954-b771-bccc02d8ff90" providerId="ADAL" clId="{995FE33D-D744-4C25-9F36-CFCEF7D5137C}" dt="2019-04-01T08:16:54.925" v="15454"/>
          <ac:cxnSpMkLst>
            <pc:docMk/>
            <pc:sldMk cId="938656710" sldId="258"/>
            <ac:cxnSpMk id="4277" creationId="{F4C06E14-DAEB-450B-8A29-71809DB3A59F}"/>
          </ac:cxnSpMkLst>
        </pc:cxnChg>
        <pc:cxnChg chg="add mod ord">
          <ac:chgData name="Lubomír Fojtů" userId="629ab448-eb35-4954-b771-bccc02d8ff90" providerId="ADAL" clId="{995FE33D-D744-4C25-9F36-CFCEF7D5137C}" dt="2019-04-01T08:16:54.925" v="15471"/>
          <ac:cxnSpMkLst>
            <pc:docMk/>
            <pc:sldMk cId="938656710" sldId="258"/>
            <ac:cxnSpMk id="4278" creationId="{DBC1B478-2EE1-40A3-99A1-AE1F216E0866}"/>
          </ac:cxnSpMkLst>
        </pc:cxnChg>
        <pc:cxnChg chg="add mod ord">
          <ac:chgData name="Lubomír Fojtů" userId="629ab448-eb35-4954-b771-bccc02d8ff90" providerId="ADAL" clId="{995FE33D-D744-4C25-9F36-CFCEF7D5137C}" dt="2019-04-01T08:16:54.941" v="15488"/>
          <ac:cxnSpMkLst>
            <pc:docMk/>
            <pc:sldMk cId="938656710" sldId="258"/>
            <ac:cxnSpMk id="4279" creationId="{FD98556E-2C57-4477-B306-F61B7D3F731E}"/>
          </ac:cxnSpMkLst>
        </pc:cxnChg>
        <pc:cxnChg chg="add mod ord">
          <ac:chgData name="Lubomír Fojtů" userId="629ab448-eb35-4954-b771-bccc02d8ff90" providerId="ADAL" clId="{995FE33D-D744-4C25-9F36-CFCEF7D5137C}" dt="2019-04-01T08:16:54.941" v="15505"/>
          <ac:cxnSpMkLst>
            <pc:docMk/>
            <pc:sldMk cId="938656710" sldId="258"/>
            <ac:cxnSpMk id="4280" creationId="{E5744133-F6FD-4723-8C1F-09AAA9D4FCAB}"/>
          </ac:cxnSpMkLst>
        </pc:cxnChg>
        <pc:cxnChg chg="add mod ord">
          <ac:chgData name="Lubomír Fojtů" userId="629ab448-eb35-4954-b771-bccc02d8ff90" providerId="ADAL" clId="{995FE33D-D744-4C25-9F36-CFCEF7D5137C}" dt="2019-04-01T08:16:54.941" v="15522"/>
          <ac:cxnSpMkLst>
            <pc:docMk/>
            <pc:sldMk cId="938656710" sldId="258"/>
            <ac:cxnSpMk id="4281" creationId="{A12AE88E-FED5-4D38-93F2-43DE53FEA900}"/>
          </ac:cxnSpMkLst>
        </pc:cxnChg>
        <pc:cxnChg chg="add mod ord">
          <ac:chgData name="Lubomír Fojtů" userId="629ab448-eb35-4954-b771-bccc02d8ff90" providerId="ADAL" clId="{995FE33D-D744-4C25-9F36-CFCEF7D5137C}" dt="2019-04-01T08:16:54.957" v="15539"/>
          <ac:cxnSpMkLst>
            <pc:docMk/>
            <pc:sldMk cId="938656710" sldId="258"/>
            <ac:cxnSpMk id="4282" creationId="{98F8B1A7-39E7-4B98-AEB3-9B910F6522DC}"/>
          </ac:cxnSpMkLst>
        </pc:cxnChg>
        <pc:cxnChg chg="add mod ord">
          <ac:chgData name="Lubomír Fojtů" userId="629ab448-eb35-4954-b771-bccc02d8ff90" providerId="ADAL" clId="{995FE33D-D744-4C25-9F36-CFCEF7D5137C}" dt="2019-04-01T08:16:54.957" v="15556"/>
          <ac:cxnSpMkLst>
            <pc:docMk/>
            <pc:sldMk cId="938656710" sldId="258"/>
            <ac:cxnSpMk id="4283" creationId="{FEAF6167-ABE6-4A99-9D84-F473CE26368C}"/>
          </ac:cxnSpMkLst>
        </pc:cxnChg>
        <pc:cxnChg chg="add mod ord">
          <ac:chgData name="Lubomír Fojtů" userId="629ab448-eb35-4954-b771-bccc02d8ff90" providerId="ADAL" clId="{995FE33D-D744-4C25-9F36-CFCEF7D5137C}" dt="2019-04-01T08:16:54.972" v="15573"/>
          <ac:cxnSpMkLst>
            <pc:docMk/>
            <pc:sldMk cId="938656710" sldId="258"/>
            <ac:cxnSpMk id="4284" creationId="{93AD9AB6-41A3-483A-96CC-4DB1A47F85E9}"/>
          </ac:cxnSpMkLst>
        </pc:cxnChg>
        <pc:cxnChg chg="add mod ord">
          <ac:chgData name="Lubomír Fojtů" userId="629ab448-eb35-4954-b771-bccc02d8ff90" providerId="ADAL" clId="{995FE33D-D744-4C25-9F36-CFCEF7D5137C}" dt="2019-04-01T08:16:54.972" v="15590"/>
          <ac:cxnSpMkLst>
            <pc:docMk/>
            <pc:sldMk cId="938656710" sldId="258"/>
            <ac:cxnSpMk id="4285" creationId="{B2CDFBAA-55E6-4A32-B180-82D9EB1FFC5F}"/>
          </ac:cxnSpMkLst>
        </pc:cxnChg>
        <pc:cxnChg chg="add mod ord">
          <ac:chgData name="Lubomír Fojtů" userId="629ab448-eb35-4954-b771-bccc02d8ff90" providerId="ADAL" clId="{995FE33D-D744-4C25-9F36-CFCEF7D5137C}" dt="2019-04-01T08:16:54.972" v="15607"/>
          <ac:cxnSpMkLst>
            <pc:docMk/>
            <pc:sldMk cId="938656710" sldId="258"/>
            <ac:cxnSpMk id="4286" creationId="{8586E7FB-8674-4AAC-B444-883AA44D23F5}"/>
          </ac:cxnSpMkLst>
        </pc:cxnChg>
        <pc:cxnChg chg="add mod ord">
          <ac:chgData name="Lubomír Fojtů" userId="629ab448-eb35-4954-b771-bccc02d8ff90" providerId="ADAL" clId="{995FE33D-D744-4C25-9F36-CFCEF7D5137C}" dt="2019-04-01T08:16:54.988" v="15624"/>
          <ac:cxnSpMkLst>
            <pc:docMk/>
            <pc:sldMk cId="938656710" sldId="258"/>
            <ac:cxnSpMk id="4287" creationId="{88CCE895-C6B1-48B4-B0B1-D19C6F055482}"/>
          </ac:cxnSpMkLst>
        </pc:cxnChg>
        <pc:cxnChg chg="add mod ord">
          <ac:chgData name="Lubomír Fojtů" userId="629ab448-eb35-4954-b771-bccc02d8ff90" providerId="ADAL" clId="{995FE33D-D744-4C25-9F36-CFCEF7D5137C}" dt="2019-04-01T08:16:54.988" v="15641"/>
          <ac:cxnSpMkLst>
            <pc:docMk/>
            <pc:sldMk cId="938656710" sldId="258"/>
            <ac:cxnSpMk id="4288" creationId="{605D8433-FE39-4302-9EE7-E6AF289B07A2}"/>
          </ac:cxnSpMkLst>
        </pc:cxnChg>
        <pc:cxnChg chg="add mod ord">
          <ac:chgData name="Lubomír Fojtů" userId="629ab448-eb35-4954-b771-bccc02d8ff90" providerId="ADAL" clId="{995FE33D-D744-4C25-9F36-CFCEF7D5137C}" dt="2019-04-01T08:16:54.988" v="15658"/>
          <ac:cxnSpMkLst>
            <pc:docMk/>
            <pc:sldMk cId="938656710" sldId="258"/>
            <ac:cxnSpMk id="4289" creationId="{F1F9C41C-D243-4E8F-9686-6552B4A078CF}"/>
          </ac:cxnSpMkLst>
        </pc:cxnChg>
        <pc:cxnChg chg="add mod ord">
          <ac:chgData name="Lubomír Fojtů" userId="629ab448-eb35-4954-b771-bccc02d8ff90" providerId="ADAL" clId="{995FE33D-D744-4C25-9F36-CFCEF7D5137C}" dt="2019-04-01T08:16:55.004" v="15675"/>
          <ac:cxnSpMkLst>
            <pc:docMk/>
            <pc:sldMk cId="938656710" sldId="258"/>
            <ac:cxnSpMk id="4290" creationId="{CCAA2350-9ECA-4027-B6F0-48C7903C18CE}"/>
          </ac:cxnSpMkLst>
        </pc:cxnChg>
        <pc:cxnChg chg="add mod ord">
          <ac:chgData name="Lubomír Fojtů" userId="629ab448-eb35-4954-b771-bccc02d8ff90" providerId="ADAL" clId="{995FE33D-D744-4C25-9F36-CFCEF7D5137C}" dt="2019-04-01T08:16:55.004" v="15692"/>
          <ac:cxnSpMkLst>
            <pc:docMk/>
            <pc:sldMk cId="938656710" sldId="258"/>
            <ac:cxnSpMk id="4291" creationId="{6D56CF2C-270B-49FD-AEDC-7CFA3366A5E1}"/>
          </ac:cxnSpMkLst>
        </pc:cxnChg>
        <pc:cxnChg chg="add mod ord">
          <ac:chgData name="Lubomír Fojtů" userId="629ab448-eb35-4954-b771-bccc02d8ff90" providerId="ADAL" clId="{995FE33D-D744-4C25-9F36-CFCEF7D5137C}" dt="2019-04-01T08:16:55.019" v="15709"/>
          <ac:cxnSpMkLst>
            <pc:docMk/>
            <pc:sldMk cId="938656710" sldId="258"/>
            <ac:cxnSpMk id="4292" creationId="{D98FE9B2-C2F9-4CC6-ACA2-D8D9B6E6B77A}"/>
          </ac:cxnSpMkLst>
        </pc:cxnChg>
        <pc:cxnChg chg="add mod ord">
          <ac:chgData name="Lubomír Fojtů" userId="629ab448-eb35-4954-b771-bccc02d8ff90" providerId="ADAL" clId="{995FE33D-D744-4C25-9F36-CFCEF7D5137C}" dt="2019-04-01T08:16:55.019" v="15726"/>
          <ac:cxnSpMkLst>
            <pc:docMk/>
            <pc:sldMk cId="938656710" sldId="258"/>
            <ac:cxnSpMk id="4293" creationId="{13D9D1AD-3E38-44A9-8121-9E85CA70F98F}"/>
          </ac:cxnSpMkLst>
        </pc:cxnChg>
        <pc:cxnChg chg="add mod ord">
          <ac:chgData name="Lubomír Fojtů" userId="629ab448-eb35-4954-b771-bccc02d8ff90" providerId="ADAL" clId="{995FE33D-D744-4C25-9F36-CFCEF7D5137C}" dt="2019-04-01T08:16:55.019" v="15743"/>
          <ac:cxnSpMkLst>
            <pc:docMk/>
            <pc:sldMk cId="938656710" sldId="258"/>
            <ac:cxnSpMk id="4294" creationId="{0CA15403-E97F-496A-BCE3-5BE2566CC9A6}"/>
          </ac:cxnSpMkLst>
        </pc:cxnChg>
        <pc:cxnChg chg="add mod ord">
          <ac:chgData name="Lubomír Fojtů" userId="629ab448-eb35-4954-b771-bccc02d8ff90" providerId="ADAL" clId="{995FE33D-D744-4C25-9F36-CFCEF7D5137C}" dt="2019-04-01T08:16:55.035" v="15760"/>
          <ac:cxnSpMkLst>
            <pc:docMk/>
            <pc:sldMk cId="938656710" sldId="258"/>
            <ac:cxnSpMk id="4295" creationId="{6D1E9809-CA60-45F7-9F6A-A0ACCCA254FB}"/>
          </ac:cxnSpMkLst>
        </pc:cxnChg>
        <pc:cxnChg chg="add mod ord">
          <ac:chgData name="Lubomír Fojtů" userId="629ab448-eb35-4954-b771-bccc02d8ff90" providerId="ADAL" clId="{995FE33D-D744-4C25-9F36-CFCEF7D5137C}" dt="2019-04-01T08:16:55.035" v="15777"/>
          <ac:cxnSpMkLst>
            <pc:docMk/>
            <pc:sldMk cId="938656710" sldId="258"/>
            <ac:cxnSpMk id="4296" creationId="{CC6442B2-4422-448F-A234-3ECAFBD2A6B5}"/>
          </ac:cxnSpMkLst>
        </pc:cxnChg>
        <pc:cxnChg chg="add mod ord">
          <ac:chgData name="Lubomír Fojtů" userId="629ab448-eb35-4954-b771-bccc02d8ff90" providerId="ADAL" clId="{995FE33D-D744-4C25-9F36-CFCEF7D5137C}" dt="2019-04-01T08:16:55.050" v="15794"/>
          <ac:cxnSpMkLst>
            <pc:docMk/>
            <pc:sldMk cId="938656710" sldId="258"/>
            <ac:cxnSpMk id="4297" creationId="{70F5BE63-DE48-47D3-BCAD-B15AC5F92A3E}"/>
          </ac:cxnSpMkLst>
        </pc:cxnChg>
        <pc:cxnChg chg="add mod ord">
          <ac:chgData name="Lubomír Fojtů" userId="629ab448-eb35-4954-b771-bccc02d8ff90" providerId="ADAL" clId="{995FE33D-D744-4C25-9F36-CFCEF7D5137C}" dt="2019-04-01T08:16:55.050" v="15811"/>
          <ac:cxnSpMkLst>
            <pc:docMk/>
            <pc:sldMk cId="938656710" sldId="258"/>
            <ac:cxnSpMk id="4298" creationId="{8325F8ED-DDAD-40AB-9607-6FC9B4F21F08}"/>
          </ac:cxnSpMkLst>
        </pc:cxnChg>
        <pc:cxnChg chg="add mod ord">
          <ac:chgData name="Lubomír Fojtů" userId="629ab448-eb35-4954-b771-bccc02d8ff90" providerId="ADAL" clId="{995FE33D-D744-4C25-9F36-CFCEF7D5137C}" dt="2019-04-01T08:16:55.066" v="15828"/>
          <ac:cxnSpMkLst>
            <pc:docMk/>
            <pc:sldMk cId="938656710" sldId="258"/>
            <ac:cxnSpMk id="4299" creationId="{90C0087F-3078-4A24-8882-8A73AFF21836}"/>
          </ac:cxnSpMkLst>
        </pc:cxnChg>
        <pc:cxnChg chg="add mod ord">
          <ac:chgData name="Lubomír Fojtů" userId="629ab448-eb35-4954-b771-bccc02d8ff90" providerId="ADAL" clId="{995FE33D-D744-4C25-9F36-CFCEF7D5137C}" dt="2019-04-01T08:16:55.066" v="15845"/>
          <ac:cxnSpMkLst>
            <pc:docMk/>
            <pc:sldMk cId="938656710" sldId="258"/>
            <ac:cxnSpMk id="4300" creationId="{DE394F90-5272-4671-A456-C2003727E01C}"/>
          </ac:cxnSpMkLst>
        </pc:cxnChg>
        <pc:cxnChg chg="add mod ord">
          <ac:chgData name="Lubomír Fojtů" userId="629ab448-eb35-4954-b771-bccc02d8ff90" providerId="ADAL" clId="{995FE33D-D744-4C25-9F36-CFCEF7D5137C}" dt="2019-04-01T08:16:55.066" v="15862"/>
          <ac:cxnSpMkLst>
            <pc:docMk/>
            <pc:sldMk cId="938656710" sldId="258"/>
            <ac:cxnSpMk id="4301" creationId="{9CEB2614-9786-47EE-B141-DEA878A97962}"/>
          </ac:cxnSpMkLst>
        </pc:cxnChg>
        <pc:cxnChg chg="add mod ord">
          <ac:chgData name="Lubomír Fojtů" userId="629ab448-eb35-4954-b771-bccc02d8ff90" providerId="ADAL" clId="{995FE33D-D744-4C25-9F36-CFCEF7D5137C}" dt="2019-04-01T08:16:55.082" v="15879"/>
          <ac:cxnSpMkLst>
            <pc:docMk/>
            <pc:sldMk cId="938656710" sldId="258"/>
            <ac:cxnSpMk id="4302" creationId="{974AD071-BEC8-4429-AE6F-076AA47FE217}"/>
          </ac:cxnSpMkLst>
        </pc:cxnChg>
        <pc:cxnChg chg="add mod ord">
          <ac:chgData name="Lubomír Fojtů" userId="629ab448-eb35-4954-b771-bccc02d8ff90" providerId="ADAL" clId="{995FE33D-D744-4C25-9F36-CFCEF7D5137C}" dt="2019-04-01T08:16:55.082" v="15896"/>
          <ac:cxnSpMkLst>
            <pc:docMk/>
            <pc:sldMk cId="938656710" sldId="258"/>
            <ac:cxnSpMk id="4303" creationId="{80953401-225A-4146-B8A2-8B25A77D04DC}"/>
          </ac:cxnSpMkLst>
        </pc:cxnChg>
        <pc:cxnChg chg="add mod ord">
          <ac:chgData name="Lubomír Fojtů" userId="629ab448-eb35-4954-b771-bccc02d8ff90" providerId="ADAL" clId="{995FE33D-D744-4C25-9F36-CFCEF7D5137C}" dt="2019-04-01T08:16:55.097" v="15913"/>
          <ac:cxnSpMkLst>
            <pc:docMk/>
            <pc:sldMk cId="938656710" sldId="258"/>
            <ac:cxnSpMk id="4304" creationId="{160395A8-18DF-4D9D-8700-D1D828EDF92A}"/>
          </ac:cxnSpMkLst>
        </pc:cxnChg>
        <pc:cxnChg chg="add mod ord">
          <ac:chgData name="Lubomír Fojtů" userId="629ab448-eb35-4954-b771-bccc02d8ff90" providerId="ADAL" clId="{995FE33D-D744-4C25-9F36-CFCEF7D5137C}" dt="2019-04-01T08:16:55.097" v="15930"/>
          <ac:cxnSpMkLst>
            <pc:docMk/>
            <pc:sldMk cId="938656710" sldId="258"/>
            <ac:cxnSpMk id="4305" creationId="{68315F8E-5672-4439-A103-A5A8E6E905FA}"/>
          </ac:cxnSpMkLst>
        </pc:cxnChg>
        <pc:cxnChg chg="add mod ord">
          <ac:chgData name="Lubomír Fojtů" userId="629ab448-eb35-4954-b771-bccc02d8ff90" providerId="ADAL" clId="{995FE33D-D744-4C25-9F36-CFCEF7D5137C}" dt="2019-04-01T08:16:55.097" v="15947"/>
          <ac:cxnSpMkLst>
            <pc:docMk/>
            <pc:sldMk cId="938656710" sldId="258"/>
            <ac:cxnSpMk id="4306" creationId="{379E8244-8978-4DED-9262-062125828E78}"/>
          </ac:cxnSpMkLst>
        </pc:cxnChg>
        <pc:cxnChg chg="add mod ord">
          <ac:chgData name="Lubomír Fojtů" userId="629ab448-eb35-4954-b771-bccc02d8ff90" providerId="ADAL" clId="{995FE33D-D744-4C25-9F36-CFCEF7D5137C}" dt="2019-04-01T08:16:55.113" v="15964"/>
          <ac:cxnSpMkLst>
            <pc:docMk/>
            <pc:sldMk cId="938656710" sldId="258"/>
            <ac:cxnSpMk id="4307" creationId="{1389EA25-F4B3-445E-9FD8-8BFC3C19BD5D}"/>
          </ac:cxnSpMkLst>
        </pc:cxnChg>
        <pc:cxnChg chg="add mod ord">
          <ac:chgData name="Lubomír Fojtů" userId="629ab448-eb35-4954-b771-bccc02d8ff90" providerId="ADAL" clId="{995FE33D-D744-4C25-9F36-CFCEF7D5137C}" dt="2019-04-01T08:16:55.113" v="15981"/>
          <ac:cxnSpMkLst>
            <pc:docMk/>
            <pc:sldMk cId="938656710" sldId="258"/>
            <ac:cxnSpMk id="4308" creationId="{523F1DA6-234D-4682-B26C-2BA7D8EB8F91}"/>
          </ac:cxnSpMkLst>
        </pc:cxnChg>
        <pc:cxnChg chg="add mod ord">
          <ac:chgData name="Lubomír Fojtů" userId="629ab448-eb35-4954-b771-bccc02d8ff90" providerId="ADAL" clId="{995FE33D-D744-4C25-9F36-CFCEF7D5137C}" dt="2019-04-01T08:16:55.128" v="15998"/>
          <ac:cxnSpMkLst>
            <pc:docMk/>
            <pc:sldMk cId="938656710" sldId="258"/>
            <ac:cxnSpMk id="4309" creationId="{65F280A7-0A5D-4264-859D-9814BE288F6B}"/>
          </ac:cxnSpMkLst>
        </pc:cxnChg>
        <pc:cxnChg chg="add mod ord">
          <ac:chgData name="Lubomír Fojtů" userId="629ab448-eb35-4954-b771-bccc02d8ff90" providerId="ADAL" clId="{995FE33D-D744-4C25-9F36-CFCEF7D5137C}" dt="2019-04-01T08:16:55.128" v="16015"/>
          <ac:cxnSpMkLst>
            <pc:docMk/>
            <pc:sldMk cId="938656710" sldId="258"/>
            <ac:cxnSpMk id="4310" creationId="{7F77B153-1204-4EEC-96EF-9482F36CF251}"/>
          </ac:cxnSpMkLst>
        </pc:cxnChg>
        <pc:cxnChg chg="add mod ord">
          <ac:chgData name="Lubomír Fojtů" userId="629ab448-eb35-4954-b771-bccc02d8ff90" providerId="ADAL" clId="{995FE33D-D744-4C25-9F36-CFCEF7D5137C}" dt="2019-04-01T08:16:55.128" v="16032"/>
          <ac:cxnSpMkLst>
            <pc:docMk/>
            <pc:sldMk cId="938656710" sldId="258"/>
            <ac:cxnSpMk id="4311" creationId="{B53E04FC-FBD6-411B-AE8F-3187705B5263}"/>
          </ac:cxnSpMkLst>
        </pc:cxnChg>
        <pc:cxnChg chg="add mod ord">
          <ac:chgData name="Lubomír Fojtů" userId="629ab448-eb35-4954-b771-bccc02d8ff90" providerId="ADAL" clId="{995FE33D-D744-4C25-9F36-CFCEF7D5137C}" dt="2019-04-01T08:16:55.144" v="16049"/>
          <ac:cxnSpMkLst>
            <pc:docMk/>
            <pc:sldMk cId="938656710" sldId="258"/>
            <ac:cxnSpMk id="4312" creationId="{050D9E64-5B17-4CAD-B0A9-66A4B91FFC9E}"/>
          </ac:cxnSpMkLst>
        </pc:cxnChg>
        <pc:cxnChg chg="add mod ord">
          <ac:chgData name="Lubomír Fojtů" userId="629ab448-eb35-4954-b771-bccc02d8ff90" providerId="ADAL" clId="{995FE33D-D744-4C25-9F36-CFCEF7D5137C}" dt="2019-04-01T08:16:55.144" v="16066"/>
          <ac:cxnSpMkLst>
            <pc:docMk/>
            <pc:sldMk cId="938656710" sldId="258"/>
            <ac:cxnSpMk id="4313" creationId="{43130762-F4C9-484C-A4C0-55399FBA1157}"/>
          </ac:cxnSpMkLst>
        </pc:cxnChg>
        <pc:cxnChg chg="add mod ord">
          <ac:chgData name="Lubomír Fojtů" userId="629ab448-eb35-4954-b771-bccc02d8ff90" providerId="ADAL" clId="{995FE33D-D744-4C25-9F36-CFCEF7D5137C}" dt="2019-04-01T08:16:55.160" v="16083"/>
          <ac:cxnSpMkLst>
            <pc:docMk/>
            <pc:sldMk cId="938656710" sldId="258"/>
            <ac:cxnSpMk id="4314" creationId="{88806640-D4CC-4BC8-B05B-265A3EE89336}"/>
          </ac:cxnSpMkLst>
        </pc:cxnChg>
        <pc:cxnChg chg="add mod ord">
          <ac:chgData name="Lubomír Fojtů" userId="629ab448-eb35-4954-b771-bccc02d8ff90" providerId="ADAL" clId="{995FE33D-D744-4C25-9F36-CFCEF7D5137C}" dt="2019-04-01T08:16:55.160" v="16100"/>
          <ac:cxnSpMkLst>
            <pc:docMk/>
            <pc:sldMk cId="938656710" sldId="258"/>
            <ac:cxnSpMk id="4315" creationId="{710CEA46-8090-40DF-BFC9-F805C4F52209}"/>
          </ac:cxnSpMkLst>
        </pc:cxnChg>
        <pc:cxnChg chg="add mod ord">
          <ac:chgData name="Lubomír Fojtů" userId="629ab448-eb35-4954-b771-bccc02d8ff90" providerId="ADAL" clId="{995FE33D-D744-4C25-9F36-CFCEF7D5137C}" dt="2019-04-01T08:16:55.160" v="16117"/>
          <ac:cxnSpMkLst>
            <pc:docMk/>
            <pc:sldMk cId="938656710" sldId="258"/>
            <ac:cxnSpMk id="4316" creationId="{92565FE6-7B9A-48F4-862A-B21D254AFC1A}"/>
          </ac:cxnSpMkLst>
        </pc:cxnChg>
        <pc:cxnChg chg="add mod ord">
          <ac:chgData name="Lubomír Fojtů" userId="629ab448-eb35-4954-b771-bccc02d8ff90" providerId="ADAL" clId="{995FE33D-D744-4C25-9F36-CFCEF7D5137C}" dt="2019-04-01T08:16:55.175" v="16134"/>
          <ac:cxnSpMkLst>
            <pc:docMk/>
            <pc:sldMk cId="938656710" sldId="258"/>
            <ac:cxnSpMk id="4317" creationId="{BE230C08-00FF-432A-9C99-C74293B49701}"/>
          </ac:cxnSpMkLst>
        </pc:cxnChg>
        <pc:cxnChg chg="add mod ord">
          <ac:chgData name="Lubomír Fojtů" userId="629ab448-eb35-4954-b771-bccc02d8ff90" providerId="ADAL" clId="{995FE33D-D744-4C25-9F36-CFCEF7D5137C}" dt="2019-04-01T08:16:55.175" v="16151"/>
          <ac:cxnSpMkLst>
            <pc:docMk/>
            <pc:sldMk cId="938656710" sldId="258"/>
            <ac:cxnSpMk id="4318" creationId="{CFA236B1-46E5-4742-B8DA-B51154AD76ED}"/>
          </ac:cxnSpMkLst>
        </pc:cxnChg>
        <pc:cxnChg chg="add mod ord">
          <ac:chgData name="Lubomír Fojtů" userId="629ab448-eb35-4954-b771-bccc02d8ff90" providerId="ADAL" clId="{995FE33D-D744-4C25-9F36-CFCEF7D5137C}" dt="2019-04-01T08:16:55.191" v="16168"/>
          <ac:cxnSpMkLst>
            <pc:docMk/>
            <pc:sldMk cId="938656710" sldId="258"/>
            <ac:cxnSpMk id="4319" creationId="{A6B94C93-9F03-4146-9F87-5053EDB65426}"/>
          </ac:cxnSpMkLst>
        </pc:cxnChg>
        <pc:cxnChg chg="add mod ord">
          <ac:chgData name="Lubomír Fojtů" userId="629ab448-eb35-4954-b771-bccc02d8ff90" providerId="ADAL" clId="{995FE33D-D744-4C25-9F36-CFCEF7D5137C}" dt="2019-04-01T08:16:55.191" v="16185"/>
          <ac:cxnSpMkLst>
            <pc:docMk/>
            <pc:sldMk cId="938656710" sldId="258"/>
            <ac:cxnSpMk id="4320" creationId="{F1228D57-9708-4BBB-A38F-259AD075BA9E}"/>
          </ac:cxnSpMkLst>
        </pc:cxnChg>
        <pc:cxnChg chg="add mod ord">
          <ac:chgData name="Lubomír Fojtů" userId="629ab448-eb35-4954-b771-bccc02d8ff90" providerId="ADAL" clId="{995FE33D-D744-4C25-9F36-CFCEF7D5137C}" dt="2019-04-01T08:16:55.207" v="16202"/>
          <ac:cxnSpMkLst>
            <pc:docMk/>
            <pc:sldMk cId="938656710" sldId="258"/>
            <ac:cxnSpMk id="4321" creationId="{C4129A61-BEAF-4361-884C-854D4FCABBCC}"/>
          </ac:cxnSpMkLst>
        </pc:cxnChg>
        <pc:cxnChg chg="add mod ord">
          <ac:chgData name="Lubomír Fojtů" userId="629ab448-eb35-4954-b771-bccc02d8ff90" providerId="ADAL" clId="{995FE33D-D744-4C25-9F36-CFCEF7D5137C}" dt="2019-04-01T08:16:55.207" v="16219"/>
          <ac:cxnSpMkLst>
            <pc:docMk/>
            <pc:sldMk cId="938656710" sldId="258"/>
            <ac:cxnSpMk id="4322" creationId="{E7AD9CDA-4D18-40F3-A114-1D46DF221F76}"/>
          </ac:cxnSpMkLst>
        </pc:cxnChg>
        <pc:cxnChg chg="add mod ord">
          <ac:chgData name="Lubomír Fojtů" userId="629ab448-eb35-4954-b771-bccc02d8ff90" providerId="ADAL" clId="{995FE33D-D744-4C25-9F36-CFCEF7D5137C}" dt="2019-04-01T08:16:55.207" v="16236"/>
          <ac:cxnSpMkLst>
            <pc:docMk/>
            <pc:sldMk cId="938656710" sldId="258"/>
            <ac:cxnSpMk id="4323" creationId="{3115A53C-4BE0-401C-8D66-58C7B6B01298}"/>
          </ac:cxnSpMkLst>
        </pc:cxnChg>
        <pc:cxnChg chg="add mod ord">
          <ac:chgData name="Lubomír Fojtů" userId="629ab448-eb35-4954-b771-bccc02d8ff90" providerId="ADAL" clId="{995FE33D-D744-4C25-9F36-CFCEF7D5137C}" dt="2019-04-01T08:16:55.222" v="16253"/>
          <ac:cxnSpMkLst>
            <pc:docMk/>
            <pc:sldMk cId="938656710" sldId="258"/>
            <ac:cxnSpMk id="4324" creationId="{A2D5681D-CEE4-42E0-93D7-4DF82D2975E2}"/>
          </ac:cxnSpMkLst>
        </pc:cxnChg>
        <pc:cxnChg chg="add mod ord">
          <ac:chgData name="Lubomír Fojtů" userId="629ab448-eb35-4954-b771-bccc02d8ff90" providerId="ADAL" clId="{995FE33D-D744-4C25-9F36-CFCEF7D5137C}" dt="2019-04-01T08:16:55.222" v="16270"/>
          <ac:cxnSpMkLst>
            <pc:docMk/>
            <pc:sldMk cId="938656710" sldId="258"/>
            <ac:cxnSpMk id="4325" creationId="{D7087149-A7E7-478D-A7BB-A2C81579E9B1}"/>
          </ac:cxnSpMkLst>
        </pc:cxnChg>
        <pc:cxnChg chg="add mod ord">
          <ac:chgData name="Lubomír Fojtů" userId="629ab448-eb35-4954-b771-bccc02d8ff90" providerId="ADAL" clId="{995FE33D-D744-4C25-9F36-CFCEF7D5137C}" dt="2019-04-01T08:16:55.238" v="16287"/>
          <ac:cxnSpMkLst>
            <pc:docMk/>
            <pc:sldMk cId="938656710" sldId="258"/>
            <ac:cxnSpMk id="4326" creationId="{EC7F3108-3C19-4084-AD53-EDF2019BE2E4}"/>
          </ac:cxnSpMkLst>
        </pc:cxnChg>
        <pc:cxnChg chg="add mod ord">
          <ac:chgData name="Lubomír Fojtů" userId="629ab448-eb35-4954-b771-bccc02d8ff90" providerId="ADAL" clId="{995FE33D-D744-4C25-9F36-CFCEF7D5137C}" dt="2019-04-01T08:16:55.238" v="16304"/>
          <ac:cxnSpMkLst>
            <pc:docMk/>
            <pc:sldMk cId="938656710" sldId="258"/>
            <ac:cxnSpMk id="4327" creationId="{2C57298E-3CF1-4C4D-ABB5-CA913F171B85}"/>
          </ac:cxnSpMkLst>
        </pc:cxnChg>
        <pc:cxnChg chg="add mod ord">
          <ac:chgData name="Lubomír Fojtů" userId="629ab448-eb35-4954-b771-bccc02d8ff90" providerId="ADAL" clId="{995FE33D-D744-4C25-9F36-CFCEF7D5137C}" dt="2019-04-01T08:16:55.238" v="16321"/>
          <ac:cxnSpMkLst>
            <pc:docMk/>
            <pc:sldMk cId="938656710" sldId="258"/>
            <ac:cxnSpMk id="4328" creationId="{3A161A19-82AF-4F5D-AB6A-D7CE73DC5B8F}"/>
          </ac:cxnSpMkLst>
        </pc:cxnChg>
        <pc:cxnChg chg="add mod ord">
          <ac:chgData name="Lubomír Fojtů" userId="629ab448-eb35-4954-b771-bccc02d8ff90" providerId="ADAL" clId="{995FE33D-D744-4C25-9F36-CFCEF7D5137C}" dt="2019-04-01T08:16:55.253" v="16338"/>
          <ac:cxnSpMkLst>
            <pc:docMk/>
            <pc:sldMk cId="938656710" sldId="258"/>
            <ac:cxnSpMk id="4329" creationId="{7ECAA893-9C35-4F26-9927-AC53E7CAA0C4}"/>
          </ac:cxnSpMkLst>
        </pc:cxnChg>
        <pc:cxnChg chg="add mod ord">
          <ac:chgData name="Lubomír Fojtů" userId="629ab448-eb35-4954-b771-bccc02d8ff90" providerId="ADAL" clId="{995FE33D-D744-4C25-9F36-CFCEF7D5137C}" dt="2019-04-01T08:16:55.253" v="16355"/>
          <ac:cxnSpMkLst>
            <pc:docMk/>
            <pc:sldMk cId="938656710" sldId="258"/>
            <ac:cxnSpMk id="4330" creationId="{78254582-896D-4963-B11C-D17BB95D69F8}"/>
          </ac:cxnSpMkLst>
        </pc:cxnChg>
        <pc:cxnChg chg="add mod ord">
          <ac:chgData name="Lubomír Fojtů" userId="629ab448-eb35-4954-b771-bccc02d8ff90" providerId="ADAL" clId="{995FE33D-D744-4C25-9F36-CFCEF7D5137C}" dt="2019-04-01T08:16:55.269" v="16372"/>
          <ac:cxnSpMkLst>
            <pc:docMk/>
            <pc:sldMk cId="938656710" sldId="258"/>
            <ac:cxnSpMk id="4331" creationId="{96AD7D14-642C-44FB-A4D4-9DEFAF00E9E7}"/>
          </ac:cxnSpMkLst>
        </pc:cxnChg>
        <pc:cxnChg chg="add mod ord">
          <ac:chgData name="Lubomír Fojtů" userId="629ab448-eb35-4954-b771-bccc02d8ff90" providerId="ADAL" clId="{995FE33D-D744-4C25-9F36-CFCEF7D5137C}" dt="2019-04-01T08:16:55.269" v="16389"/>
          <ac:cxnSpMkLst>
            <pc:docMk/>
            <pc:sldMk cId="938656710" sldId="258"/>
            <ac:cxnSpMk id="4332" creationId="{D87D3D8C-ADBD-421C-8499-498FA01DB8BF}"/>
          </ac:cxnSpMkLst>
        </pc:cxnChg>
        <pc:cxnChg chg="add mod ord">
          <ac:chgData name="Lubomír Fojtů" userId="629ab448-eb35-4954-b771-bccc02d8ff90" providerId="ADAL" clId="{995FE33D-D744-4C25-9F36-CFCEF7D5137C}" dt="2019-04-01T08:16:55.285" v="16406"/>
          <ac:cxnSpMkLst>
            <pc:docMk/>
            <pc:sldMk cId="938656710" sldId="258"/>
            <ac:cxnSpMk id="4333" creationId="{97193ECD-B891-4ADC-8722-9FB368153CD0}"/>
          </ac:cxnSpMkLst>
        </pc:cxnChg>
        <pc:cxnChg chg="add mod ord">
          <ac:chgData name="Lubomír Fojtů" userId="629ab448-eb35-4954-b771-bccc02d8ff90" providerId="ADAL" clId="{995FE33D-D744-4C25-9F36-CFCEF7D5137C}" dt="2019-04-01T08:16:55.285" v="16423"/>
          <ac:cxnSpMkLst>
            <pc:docMk/>
            <pc:sldMk cId="938656710" sldId="258"/>
            <ac:cxnSpMk id="4334" creationId="{851B87F7-472A-49BA-98B7-851C9A1C1869}"/>
          </ac:cxnSpMkLst>
        </pc:cxnChg>
        <pc:cxnChg chg="add mod ord">
          <ac:chgData name="Lubomír Fojtů" userId="629ab448-eb35-4954-b771-bccc02d8ff90" providerId="ADAL" clId="{995FE33D-D744-4C25-9F36-CFCEF7D5137C}" dt="2019-04-01T08:16:55.300" v="16440"/>
          <ac:cxnSpMkLst>
            <pc:docMk/>
            <pc:sldMk cId="938656710" sldId="258"/>
            <ac:cxnSpMk id="4335" creationId="{E33D86FC-2F4E-4BD5-84F0-191338E5035B}"/>
          </ac:cxnSpMkLst>
        </pc:cxnChg>
        <pc:cxnChg chg="add mod ord">
          <ac:chgData name="Lubomír Fojtů" userId="629ab448-eb35-4954-b771-bccc02d8ff90" providerId="ADAL" clId="{995FE33D-D744-4C25-9F36-CFCEF7D5137C}" dt="2019-04-01T08:16:55.300" v="16457"/>
          <ac:cxnSpMkLst>
            <pc:docMk/>
            <pc:sldMk cId="938656710" sldId="258"/>
            <ac:cxnSpMk id="4336" creationId="{A7E55DB0-6B3A-4C29-8DA1-C7EC08BB48A4}"/>
          </ac:cxnSpMkLst>
        </pc:cxnChg>
        <pc:cxnChg chg="add mod ord">
          <ac:chgData name="Lubomír Fojtů" userId="629ab448-eb35-4954-b771-bccc02d8ff90" providerId="ADAL" clId="{995FE33D-D744-4C25-9F36-CFCEF7D5137C}" dt="2019-04-01T08:16:55.300" v="16474"/>
          <ac:cxnSpMkLst>
            <pc:docMk/>
            <pc:sldMk cId="938656710" sldId="258"/>
            <ac:cxnSpMk id="4337" creationId="{56B94C76-E700-42F6-B294-0AD03276A498}"/>
          </ac:cxnSpMkLst>
        </pc:cxnChg>
        <pc:cxnChg chg="add mod ord">
          <ac:chgData name="Lubomír Fojtů" userId="629ab448-eb35-4954-b771-bccc02d8ff90" providerId="ADAL" clId="{995FE33D-D744-4C25-9F36-CFCEF7D5137C}" dt="2019-04-01T08:16:55.316" v="16491"/>
          <ac:cxnSpMkLst>
            <pc:docMk/>
            <pc:sldMk cId="938656710" sldId="258"/>
            <ac:cxnSpMk id="4338" creationId="{45DCD5D8-BBE6-49B5-BC07-749FF5C5A5FF}"/>
          </ac:cxnSpMkLst>
        </pc:cxnChg>
        <pc:cxnChg chg="add mod ord">
          <ac:chgData name="Lubomír Fojtů" userId="629ab448-eb35-4954-b771-bccc02d8ff90" providerId="ADAL" clId="{995FE33D-D744-4C25-9F36-CFCEF7D5137C}" dt="2019-04-01T08:16:55.316" v="16508"/>
          <ac:cxnSpMkLst>
            <pc:docMk/>
            <pc:sldMk cId="938656710" sldId="258"/>
            <ac:cxnSpMk id="4339" creationId="{EB401EDA-B7E7-4B83-A95F-3699746BB130}"/>
          </ac:cxnSpMkLst>
        </pc:cxnChg>
        <pc:cxnChg chg="add mod ord">
          <ac:chgData name="Lubomír Fojtů" userId="629ab448-eb35-4954-b771-bccc02d8ff90" providerId="ADAL" clId="{995FE33D-D744-4C25-9F36-CFCEF7D5137C}" dt="2019-04-01T08:16:55.332" v="16525"/>
          <ac:cxnSpMkLst>
            <pc:docMk/>
            <pc:sldMk cId="938656710" sldId="258"/>
            <ac:cxnSpMk id="4340" creationId="{ADE16466-A3BA-4DFA-9C19-C56C8F2942E0}"/>
          </ac:cxnSpMkLst>
        </pc:cxnChg>
        <pc:cxnChg chg="add mod ord">
          <ac:chgData name="Lubomír Fojtů" userId="629ab448-eb35-4954-b771-bccc02d8ff90" providerId="ADAL" clId="{995FE33D-D744-4C25-9F36-CFCEF7D5137C}" dt="2019-04-01T08:16:55.332" v="16542"/>
          <ac:cxnSpMkLst>
            <pc:docMk/>
            <pc:sldMk cId="938656710" sldId="258"/>
            <ac:cxnSpMk id="4341" creationId="{20CDCF3C-27A3-46C4-A2F6-452300CD98C8}"/>
          </ac:cxnSpMkLst>
        </pc:cxnChg>
        <pc:cxnChg chg="add mod ord">
          <ac:chgData name="Lubomír Fojtů" userId="629ab448-eb35-4954-b771-bccc02d8ff90" providerId="ADAL" clId="{995FE33D-D744-4C25-9F36-CFCEF7D5137C}" dt="2019-04-01T08:16:55.332" v="16559"/>
          <ac:cxnSpMkLst>
            <pc:docMk/>
            <pc:sldMk cId="938656710" sldId="258"/>
            <ac:cxnSpMk id="4342" creationId="{C9685990-86F4-471D-8C17-8AA1CA637CCF}"/>
          </ac:cxnSpMkLst>
        </pc:cxnChg>
        <pc:cxnChg chg="add mod ord">
          <ac:chgData name="Lubomír Fojtů" userId="629ab448-eb35-4954-b771-bccc02d8ff90" providerId="ADAL" clId="{995FE33D-D744-4C25-9F36-CFCEF7D5137C}" dt="2019-04-01T08:16:55.347" v="16576"/>
          <ac:cxnSpMkLst>
            <pc:docMk/>
            <pc:sldMk cId="938656710" sldId="258"/>
            <ac:cxnSpMk id="4343" creationId="{ACD6D122-FCE0-4667-84E4-4FDBD1BBBBF3}"/>
          </ac:cxnSpMkLst>
        </pc:cxnChg>
        <pc:cxnChg chg="add mod ord">
          <ac:chgData name="Lubomír Fojtů" userId="629ab448-eb35-4954-b771-bccc02d8ff90" providerId="ADAL" clId="{995FE33D-D744-4C25-9F36-CFCEF7D5137C}" dt="2019-04-01T08:16:55.347" v="16593"/>
          <ac:cxnSpMkLst>
            <pc:docMk/>
            <pc:sldMk cId="938656710" sldId="258"/>
            <ac:cxnSpMk id="4344" creationId="{E3B94A3C-68BA-4823-BFC8-DCFD28B2C471}"/>
          </ac:cxnSpMkLst>
        </pc:cxnChg>
        <pc:cxnChg chg="add mod ord">
          <ac:chgData name="Lubomír Fojtů" userId="629ab448-eb35-4954-b771-bccc02d8ff90" providerId="ADAL" clId="{995FE33D-D744-4C25-9F36-CFCEF7D5137C}" dt="2019-04-01T08:16:55.363" v="16610"/>
          <ac:cxnSpMkLst>
            <pc:docMk/>
            <pc:sldMk cId="938656710" sldId="258"/>
            <ac:cxnSpMk id="4345" creationId="{9C55B0B5-E9CA-47B0-92E4-08B925D3B373}"/>
          </ac:cxnSpMkLst>
        </pc:cxnChg>
        <pc:cxnChg chg="add mod ord">
          <ac:chgData name="Lubomír Fojtů" userId="629ab448-eb35-4954-b771-bccc02d8ff90" providerId="ADAL" clId="{995FE33D-D744-4C25-9F36-CFCEF7D5137C}" dt="2019-04-01T08:16:55.363" v="16627"/>
          <ac:cxnSpMkLst>
            <pc:docMk/>
            <pc:sldMk cId="938656710" sldId="258"/>
            <ac:cxnSpMk id="4346" creationId="{23A94552-1F43-416A-898E-EAE11AC604AD}"/>
          </ac:cxnSpMkLst>
        </pc:cxnChg>
      </pc:sldChg>
      <pc:sldChg chg="addSp delSp modSp">
        <pc:chgData name="Lubomír Fojtů" userId="629ab448-eb35-4954-b771-bccc02d8ff90" providerId="ADAL" clId="{995FE33D-D744-4C25-9F36-CFCEF7D5137C}" dt="2019-03-31T18:17:57.643" v="3" actId="167"/>
        <pc:sldMkLst>
          <pc:docMk/>
          <pc:sldMk cId="3230397735" sldId="641"/>
        </pc:sldMkLst>
        <pc:picChg chg="del">
          <ac:chgData name="Lubomír Fojtů" userId="629ab448-eb35-4954-b771-bccc02d8ff90" providerId="ADAL" clId="{995FE33D-D744-4C25-9F36-CFCEF7D5137C}" dt="2019-03-31T18:17:49.711" v="0" actId="478"/>
          <ac:picMkLst>
            <pc:docMk/>
            <pc:sldMk cId="3230397735" sldId="641"/>
            <ac:picMk id="2" creationId="{9BED1080-A2A0-4FA9-A58C-46AAD20034EF}"/>
          </ac:picMkLst>
        </pc:picChg>
        <pc:picChg chg="add mod ord">
          <ac:chgData name="Lubomír Fojtů" userId="629ab448-eb35-4954-b771-bccc02d8ff90" providerId="ADAL" clId="{995FE33D-D744-4C25-9F36-CFCEF7D5137C}" dt="2019-03-31T18:17:57.643" v="3" actId="167"/>
          <ac:picMkLst>
            <pc:docMk/>
            <pc:sldMk cId="3230397735" sldId="641"/>
            <ac:picMk id="3" creationId="{4B173481-BA33-4CD0-A6CB-672E2B224394}"/>
          </ac:picMkLst>
        </pc:picChg>
      </pc:sldChg>
      <pc:sldChg chg="addSp delSp modSp">
        <pc:chgData name="Lubomír Fojtů" userId="629ab448-eb35-4954-b771-bccc02d8ff90" providerId="ADAL" clId="{995FE33D-D744-4C25-9F36-CFCEF7D5137C}" dt="2019-03-31T18:48:16.996" v="101" actId="1037"/>
        <pc:sldMkLst>
          <pc:docMk/>
          <pc:sldMk cId="2279337579" sldId="642"/>
        </pc:sldMkLst>
        <pc:spChg chg="add mod">
          <ac:chgData name="Lubomír Fojtů" userId="629ab448-eb35-4954-b771-bccc02d8ff90" providerId="ADAL" clId="{995FE33D-D744-4C25-9F36-CFCEF7D5137C}" dt="2019-03-31T18:44:03.776" v="78" actId="14100"/>
          <ac:spMkLst>
            <pc:docMk/>
            <pc:sldMk cId="2279337579" sldId="642"/>
            <ac:spMk id="11" creationId="{69BFD3D2-F34C-4BD2-BCF1-1DE228F8D689}"/>
          </ac:spMkLst>
        </pc:spChg>
        <pc:spChg chg="add del mod">
          <ac:chgData name="Lubomír Fojtů" userId="629ab448-eb35-4954-b771-bccc02d8ff90" providerId="ADAL" clId="{995FE33D-D744-4C25-9F36-CFCEF7D5137C}" dt="2019-03-31T18:45:05.008" v="82" actId="478"/>
          <ac:spMkLst>
            <pc:docMk/>
            <pc:sldMk cId="2279337579" sldId="642"/>
            <ac:spMk id="14" creationId="{0176673A-CB63-4867-94DD-C7C48A0D1547}"/>
          </ac:spMkLst>
        </pc:spChg>
        <pc:graphicFrameChg chg="mod">
          <ac:chgData name="Lubomír Fojtů" userId="629ab448-eb35-4954-b771-bccc02d8ff90" providerId="ADAL" clId="{995FE33D-D744-4C25-9F36-CFCEF7D5137C}" dt="2019-03-31T18:28:56.936" v="24" actId="1076"/>
          <ac:graphicFrameMkLst>
            <pc:docMk/>
            <pc:sldMk cId="2279337579" sldId="642"/>
            <ac:graphicFrameMk id="2" creationId="{A841AC59-D9A1-4BDE-862D-71B73B8685B6}"/>
          </ac:graphicFrameMkLst>
        </pc:graphicFrameChg>
        <pc:picChg chg="add del mod">
          <ac:chgData name="Lubomír Fojtů" userId="629ab448-eb35-4954-b771-bccc02d8ff90" providerId="ADAL" clId="{995FE33D-D744-4C25-9F36-CFCEF7D5137C}" dt="2019-03-31T18:26:59.646" v="15" actId="478"/>
          <ac:picMkLst>
            <pc:docMk/>
            <pc:sldMk cId="2279337579" sldId="642"/>
            <ac:picMk id="4" creationId="{CDE625BB-77B3-44E8-9582-3410A5D5AF0B}"/>
          </ac:picMkLst>
        </pc:picChg>
        <pc:picChg chg="add del mod">
          <ac:chgData name="Lubomír Fojtů" userId="629ab448-eb35-4954-b771-bccc02d8ff90" providerId="ADAL" clId="{995FE33D-D744-4C25-9F36-CFCEF7D5137C}" dt="2019-03-31T18:30:36.775" v="26" actId="478"/>
          <ac:picMkLst>
            <pc:docMk/>
            <pc:sldMk cId="2279337579" sldId="642"/>
            <ac:picMk id="6" creationId="{554E921B-8460-436C-9936-34FF608B7161}"/>
          </ac:picMkLst>
        </pc:picChg>
        <pc:picChg chg="add del mod">
          <ac:chgData name="Lubomír Fojtů" userId="629ab448-eb35-4954-b771-bccc02d8ff90" providerId="ADAL" clId="{995FE33D-D744-4C25-9F36-CFCEF7D5137C}" dt="2019-03-31T18:34:30.534" v="31" actId="478"/>
          <ac:picMkLst>
            <pc:docMk/>
            <pc:sldMk cId="2279337579" sldId="642"/>
            <ac:picMk id="8" creationId="{3DEDA6E3-0123-4CCF-9B83-25373F482546}"/>
          </ac:picMkLst>
        </pc:picChg>
        <pc:picChg chg="add del mod">
          <ac:chgData name="Lubomír Fojtů" userId="629ab448-eb35-4954-b771-bccc02d8ff90" providerId="ADAL" clId="{995FE33D-D744-4C25-9F36-CFCEF7D5137C}" dt="2019-03-31T18:35:46.413" v="44" actId="478"/>
          <ac:picMkLst>
            <pc:docMk/>
            <pc:sldMk cId="2279337579" sldId="642"/>
            <ac:picMk id="10" creationId="{E44EF234-95D0-4587-AE69-4174411E251B}"/>
          </ac:picMkLst>
        </pc:picChg>
        <pc:picChg chg="add mod">
          <ac:chgData name="Lubomír Fojtů" userId="629ab448-eb35-4954-b771-bccc02d8ff90" providerId="ADAL" clId="{995FE33D-D744-4C25-9F36-CFCEF7D5137C}" dt="2019-03-31T18:48:09.788" v="95" actId="1076"/>
          <ac:picMkLst>
            <pc:docMk/>
            <pc:sldMk cId="2279337579" sldId="642"/>
            <ac:picMk id="13" creationId="{0604E2C4-FE0D-433F-B606-0EF3BD486863}"/>
          </ac:picMkLst>
        </pc:picChg>
        <pc:picChg chg="add del mod">
          <ac:chgData name="Lubomír Fojtů" userId="629ab448-eb35-4954-b771-bccc02d8ff90" providerId="ADAL" clId="{995FE33D-D744-4C25-9F36-CFCEF7D5137C}" dt="2019-03-31T18:46:04.764" v="84" actId="478"/>
          <ac:picMkLst>
            <pc:docMk/>
            <pc:sldMk cId="2279337579" sldId="642"/>
            <ac:picMk id="16" creationId="{BB43E858-34D5-4FDB-85AE-E0DED8AB997F}"/>
          </ac:picMkLst>
        </pc:picChg>
        <pc:picChg chg="add mod ord">
          <ac:chgData name="Lubomír Fojtů" userId="629ab448-eb35-4954-b771-bccc02d8ff90" providerId="ADAL" clId="{995FE33D-D744-4C25-9F36-CFCEF7D5137C}" dt="2019-03-31T18:48:16.996" v="101" actId="1037"/>
          <ac:picMkLst>
            <pc:docMk/>
            <pc:sldMk cId="2279337579" sldId="642"/>
            <ac:picMk id="17" creationId="{3C8614BC-C5D7-4FEB-AEC8-E8CEFFD9DAFD}"/>
          </ac:picMkLst>
        </pc:picChg>
      </pc:sldChg>
    </pc:docChg>
  </pc:docChgLst>
</pc:chgInfo>
</file>

<file path=ppt/diagrams/_rels/data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image" Target="../media/image9.png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diagrams/_rels/drawing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image" Target="../media/image9.png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D1249FC8-3E49-4016-AF82-7DB6094F939A}" type="doc">
      <dgm:prSet loTypeId="urn:microsoft.com/office/officeart/2005/8/layout/radial5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cs-CZ"/>
        </a:p>
      </dgm:t>
    </dgm:pt>
    <dgm:pt modelId="{74F74070-8FD1-4234-A360-BD9B5A6DCA48}">
      <dgm:prSet phldrT="[Text]"/>
      <dgm:spPr/>
      <dgm:t>
        <a:bodyPr/>
        <a:lstStyle/>
        <a:p>
          <a:r>
            <a:rPr lang="en-GB" noProof="0" dirty="0"/>
            <a:t>Czech access to the sea</a:t>
          </a:r>
        </a:p>
      </dgm:t>
    </dgm:pt>
    <dgm:pt modelId="{BD61AF3E-952E-4F1A-80E6-254B5192DD21}" type="parTrans" cxnId="{FB123CC0-9FD4-4A12-A076-E4551534EF8C}">
      <dgm:prSet/>
      <dgm:spPr/>
      <dgm:t>
        <a:bodyPr/>
        <a:lstStyle/>
        <a:p>
          <a:endParaRPr lang="en-GB" noProof="0" dirty="0"/>
        </a:p>
      </dgm:t>
    </dgm:pt>
    <dgm:pt modelId="{FA287AEA-0558-4546-B69F-0D0BA7C67308}" type="sibTrans" cxnId="{FB123CC0-9FD4-4A12-A076-E4551534EF8C}">
      <dgm:prSet/>
      <dgm:spPr/>
      <dgm:t>
        <a:bodyPr/>
        <a:lstStyle/>
        <a:p>
          <a:endParaRPr lang="en-GB" noProof="0" dirty="0"/>
        </a:p>
      </dgm:t>
    </dgm:pt>
    <dgm:pt modelId="{150E6E73-41A3-4CF9-91F8-8F68E6734F1F}">
      <dgm:prSet phldrT="[Text]" custT="1"/>
      <dgm:spPr>
        <a:solidFill>
          <a:schemeClr val="accent1"/>
        </a:solidFill>
        <a:ln>
          <a:noFill/>
        </a:ln>
      </dgm:spPr>
      <dgm:t>
        <a:bodyPr/>
        <a:lstStyle/>
        <a:p>
          <a:r>
            <a:rPr lang="en-GB" sz="3600" b="1" noProof="0" dirty="0"/>
            <a:t>Oder</a:t>
          </a:r>
        </a:p>
      </dgm:t>
    </dgm:pt>
    <dgm:pt modelId="{29AA329E-DEFC-4168-9E06-29F7CBBCFD6B}" type="parTrans" cxnId="{276CC2FB-0227-4069-87E9-132D63B08D8C}">
      <dgm:prSet/>
      <dgm:spPr/>
      <dgm:t>
        <a:bodyPr/>
        <a:lstStyle/>
        <a:p>
          <a:endParaRPr lang="en-GB" noProof="0" dirty="0"/>
        </a:p>
      </dgm:t>
    </dgm:pt>
    <dgm:pt modelId="{0E35BE40-FEF6-4E4D-9FE7-B24F030FB543}" type="sibTrans" cxnId="{276CC2FB-0227-4069-87E9-132D63B08D8C}">
      <dgm:prSet/>
      <dgm:spPr/>
      <dgm:t>
        <a:bodyPr/>
        <a:lstStyle/>
        <a:p>
          <a:endParaRPr lang="en-GB" noProof="0" dirty="0"/>
        </a:p>
      </dgm:t>
    </dgm:pt>
    <dgm:pt modelId="{3A2D8360-5DAA-4700-89AE-F4B6A26CF0CD}">
      <dgm:prSet phldrT="[Text]" custT="1"/>
      <dgm:spPr>
        <a:solidFill>
          <a:schemeClr val="accent1"/>
        </a:solidFill>
        <a:ln>
          <a:noFill/>
        </a:ln>
      </dgm:spPr>
      <dgm:t>
        <a:bodyPr/>
        <a:lstStyle/>
        <a:p>
          <a:r>
            <a:rPr lang="en-GB" sz="3600" b="1" noProof="0" dirty="0"/>
            <a:t>Danube</a:t>
          </a:r>
        </a:p>
      </dgm:t>
    </dgm:pt>
    <dgm:pt modelId="{5C0E9C00-8FA9-4E63-8D29-7465ECD4DE5B}" type="parTrans" cxnId="{4C347F61-AFD5-4E0B-8416-A6266B7A9E85}">
      <dgm:prSet/>
      <dgm:spPr/>
      <dgm:t>
        <a:bodyPr/>
        <a:lstStyle/>
        <a:p>
          <a:endParaRPr lang="en-GB" noProof="0" dirty="0"/>
        </a:p>
      </dgm:t>
    </dgm:pt>
    <dgm:pt modelId="{C3C919BF-1CC6-41CF-BC9F-1B834D94827E}" type="sibTrans" cxnId="{4C347F61-AFD5-4E0B-8416-A6266B7A9E85}">
      <dgm:prSet/>
      <dgm:spPr/>
      <dgm:t>
        <a:bodyPr/>
        <a:lstStyle/>
        <a:p>
          <a:endParaRPr lang="en-GB" noProof="0" dirty="0"/>
        </a:p>
      </dgm:t>
    </dgm:pt>
    <dgm:pt modelId="{2458EC89-62BE-4FB2-AF4F-0ADDE3988452}">
      <dgm:prSet phldrT="[Text]" custT="1"/>
      <dgm:spPr>
        <a:solidFill>
          <a:schemeClr val="accent1"/>
        </a:solidFill>
        <a:ln>
          <a:noFill/>
        </a:ln>
      </dgm:spPr>
      <dgm:t>
        <a:bodyPr/>
        <a:lstStyle/>
        <a:p>
          <a:r>
            <a:rPr lang="cs-CZ" sz="3600" b="1" noProof="0" dirty="0"/>
            <a:t>Elbe</a:t>
          </a:r>
          <a:endParaRPr lang="en-GB" sz="3600" b="1" noProof="0" dirty="0"/>
        </a:p>
      </dgm:t>
    </dgm:pt>
    <dgm:pt modelId="{56174036-FA91-438A-A2C5-CDC74D7D5793}" type="parTrans" cxnId="{96C75C33-78F3-4D3C-8492-B5BECD390416}">
      <dgm:prSet/>
      <dgm:spPr/>
      <dgm:t>
        <a:bodyPr/>
        <a:lstStyle/>
        <a:p>
          <a:endParaRPr lang="en-GB" noProof="0" dirty="0"/>
        </a:p>
      </dgm:t>
    </dgm:pt>
    <dgm:pt modelId="{FE452E32-E3BC-4A7B-AC9A-AF37B57F88ED}" type="sibTrans" cxnId="{96C75C33-78F3-4D3C-8492-B5BECD390416}">
      <dgm:prSet/>
      <dgm:spPr/>
      <dgm:t>
        <a:bodyPr/>
        <a:lstStyle/>
        <a:p>
          <a:endParaRPr lang="en-GB" noProof="0" dirty="0"/>
        </a:p>
      </dgm:t>
    </dgm:pt>
    <dgm:pt modelId="{70E7170B-2217-445A-BEB4-742B42BA7C2D}" type="pres">
      <dgm:prSet presAssocID="{D1249FC8-3E49-4016-AF82-7DB6094F939A}" presName="Name0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D9C6CA23-62D9-4217-8030-BC94267DAFBD}" type="pres">
      <dgm:prSet presAssocID="{74F74070-8FD1-4234-A360-BD9B5A6DCA48}" presName="centerShape" presStyleLbl="node0" presStyleIdx="0" presStyleCnt="1" custScaleX="144398" custScaleY="216860" custLinFactNeighborX="5682" custLinFactNeighborY="14794"/>
      <dgm:spPr/>
    </dgm:pt>
    <dgm:pt modelId="{1C8FF046-E983-4564-9C92-29C2C8B70C12}" type="pres">
      <dgm:prSet presAssocID="{29AA329E-DEFC-4168-9E06-29F7CBBCFD6B}" presName="parTrans" presStyleLbl="sibTrans2D1" presStyleIdx="0" presStyleCnt="3"/>
      <dgm:spPr/>
    </dgm:pt>
    <dgm:pt modelId="{8658AF87-1E0C-4B79-865F-FECB7DE78639}" type="pres">
      <dgm:prSet presAssocID="{29AA329E-DEFC-4168-9E06-29F7CBBCFD6B}" presName="connectorText" presStyleLbl="sibTrans2D1" presStyleIdx="0" presStyleCnt="3"/>
      <dgm:spPr/>
    </dgm:pt>
    <dgm:pt modelId="{AE328CC6-CC25-4E30-832D-1A63EAFEE196}" type="pres">
      <dgm:prSet presAssocID="{150E6E73-41A3-4CF9-91F8-8F68E6734F1F}" presName="node" presStyleLbl="node1" presStyleIdx="0" presStyleCnt="3" custScaleX="87085" custScaleY="47627" custRadScaleRad="139369" custRadScaleInc="51054">
        <dgm:presLayoutVars>
          <dgm:bulletEnabled val="1"/>
        </dgm:presLayoutVars>
      </dgm:prSet>
      <dgm:spPr/>
    </dgm:pt>
    <dgm:pt modelId="{FC712BDA-53A3-4FF6-BB11-60BDC6D7E212}" type="pres">
      <dgm:prSet presAssocID="{5C0E9C00-8FA9-4E63-8D29-7465ECD4DE5B}" presName="parTrans" presStyleLbl="sibTrans2D1" presStyleIdx="1" presStyleCnt="3"/>
      <dgm:spPr/>
    </dgm:pt>
    <dgm:pt modelId="{44BC2489-491F-4B65-88B4-8BED66EA4C92}" type="pres">
      <dgm:prSet presAssocID="{5C0E9C00-8FA9-4E63-8D29-7465ECD4DE5B}" presName="connectorText" presStyleLbl="sibTrans2D1" presStyleIdx="1" presStyleCnt="3"/>
      <dgm:spPr/>
    </dgm:pt>
    <dgm:pt modelId="{15ED5624-EE6C-4E10-B4E0-33E64AEADBB8}" type="pres">
      <dgm:prSet presAssocID="{3A2D8360-5DAA-4700-89AE-F4B6A26CF0CD}" presName="node" presStyleLbl="node1" presStyleIdx="1" presStyleCnt="3" custScaleX="121546" custScaleY="54378" custRadScaleRad="177916" custRadScaleInc="-11431">
        <dgm:presLayoutVars>
          <dgm:bulletEnabled val="1"/>
        </dgm:presLayoutVars>
      </dgm:prSet>
      <dgm:spPr/>
    </dgm:pt>
    <dgm:pt modelId="{6968001F-2DDA-4329-94D2-3D2893E5935B}" type="pres">
      <dgm:prSet presAssocID="{56174036-FA91-438A-A2C5-CDC74D7D5793}" presName="parTrans" presStyleLbl="sibTrans2D1" presStyleIdx="2" presStyleCnt="3"/>
      <dgm:spPr/>
    </dgm:pt>
    <dgm:pt modelId="{89927B36-6867-44F9-B854-0FFF845C3F0E}" type="pres">
      <dgm:prSet presAssocID="{56174036-FA91-438A-A2C5-CDC74D7D5793}" presName="connectorText" presStyleLbl="sibTrans2D1" presStyleIdx="2" presStyleCnt="3"/>
      <dgm:spPr/>
    </dgm:pt>
    <dgm:pt modelId="{2DA45141-BF98-4BE9-9D5D-DBE033617F08}" type="pres">
      <dgm:prSet presAssocID="{2458EC89-62BE-4FB2-AF4F-0ADDE3988452}" presName="node" presStyleLbl="node1" presStyleIdx="2" presStyleCnt="3" custScaleX="92938" custScaleY="51090" custRadScaleRad="168879" custRadScaleInc="73938">
        <dgm:presLayoutVars>
          <dgm:bulletEnabled val="1"/>
        </dgm:presLayoutVars>
      </dgm:prSet>
      <dgm:spPr/>
    </dgm:pt>
  </dgm:ptLst>
  <dgm:cxnLst>
    <dgm:cxn modelId="{E1259F05-DF55-4D01-938E-4BCB497C4E47}" type="presOf" srcId="{29AA329E-DEFC-4168-9E06-29F7CBBCFD6B}" destId="{1C8FF046-E983-4564-9C92-29C2C8B70C12}" srcOrd="0" destOrd="0" presId="urn:microsoft.com/office/officeart/2005/8/layout/radial5"/>
    <dgm:cxn modelId="{F525772C-054E-4483-A178-6069DE9A8980}" type="presOf" srcId="{5C0E9C00-8FA9-4E63-8D29-7465ECD4DE5B}" destId="{44BC2489-491F-4B65-88B4-8BED66EA4C92}" srcOrd="1" destOrd="0" presId="urn:microsoft.com/office/officeart/2005/8/layout/radial5"/>
    <dgm:cxn modelId="{96C75C33-78F3-4D3C-8492-B5BECD390416}" srcId="{74F74070-8FD1-4234-A360-BD9B5A6DCA48}" destId="{2458EC89-62BE-4FB2-AF4F-0ADDE3988452}" srcOrd="2" destOrd="0" parTransId="{56174036-FA91-438A-A2C5-CDC74D7D5793}" sibTransId="{FE452E32-E3BC-4A7B-AC9A-AF37B57F88ED}"/>
    <dgm:cxn modelId="{4C347F61-AFD5-4E0B-8416-A6266B7A9E85}" srcId="{74F74070-8FD1-4234-A360-BD9B5A6DCA48}" destId="{3A2D8360-5DAA-4700-89AE-F4B6A26CF0CD}" srcOrd="1" destOrd="0" parTransId="{5C0E9C00-8FA9-4E63-8D29-7465ECD4DE5B}" sibTransId="{C3C919BF-1CC6-41CF-BC9F-1B834D94827E}"/>
    <dgm:cxn modelId="{4BCFC346-6153-4E54-929F-C41357F1B0A9}" type="presOf" srcId="{56174036-FA91-438A-A2C5-CDC74D7D5793}" destId="{89927B36-6867-44F9-B854-0FFF845C3F0E}" srcOrd="1" destOrd="0" presId="urn:microsoft.com/office/officeart/2005/8/layout/radial5"/>
    <dgm:cxn modelId="{E03C3869-C80E-4425-87CB-C94B0952CC71}" type="presOf" srcId="{2458EC89-62BE-4FB2-AF4F-0ADDE3988452}" destId="{2DA45141-BF98-4BE9-9D5D-DBE033617F08}" srcOrd="0" destOrd="0" presId="urn:microsoft.com/office/officeart/2005/8/layout/radial5"/>
    <dgm:cxn modelId="{09D1166D-2CBA-40DD-B71B-5725BDD8B209}" type="presOf" srcId="{150E6E73-41A3-4CF9-91F8-8F68E6734F1F}" destId="{AE328CC6-CC25-4E30-832D-1A63EAFEE196}" srcOrd="0" destOrd="0" presId="urn:microsoft.com/office/officeart/2005/8/layout/radial5"/>
    <dgm:cxn modelId="{EDB9C251-C4AB-40DB-8CA5-FDFA72DCDDA9}" type="presOf" srcId="{D1249FC8-3E49-4016-AF82-7DB6094F939A}" destId="{70E7170B-2217-445A-BEB4-742B42BA7C2D}" srcOrd="0" destOrd="0" presId="urn:microsoft.com/office/officeart/2005/8/layout/radial5"/>
    <dgm:cxn modelId="{346E0A72-3D0A-4AC0-85B9-C0F2A6A5CD24}" type="presOf" srcId="{56174036-FA91-438A-A2C5-CDC74D7D5793}" destId="{6968001F-2DDA-4329-94D2-3D2893E5935B}" srcOrd="0" destOrd="0" presId="urn:microsoft.com/office/officeart/2005/8/layout/radial5"/>
    <dgm:cxn modelId="{6D8D5D87-2509-4231-A8EA-2311D8C3DB53}" type="presOf" srcId="{3A2D8360-5DAA-4700-89AE-F4B6A26CF0CD}" destId="{15ED5624-EE6C-4E10-B4E0-33E64AEADBB8}" srcOrd="0" destOrd="0" presId="urn:microsoft.com/office/officeart/2005/8/layout/radial5"/>
    <dgm:cxn modelId="{DA537DB9-B714-4A31-9E87-F4AAC22F017C}" type="presOf" srcId="{5C0E9C00-8FA9-4E63-8D29-7465ECD4DE5B}" destId="{FC712BDA-53A3-4FF6-BB11-60BDC6D7E212}" srcOrd="0" destOrd="0" presId="urn:microsoft.com/office/officeart/2005/8/layout/radial5"/>
    <dgm:cxn modelId="{FB123CC0-9FD4-4A12-A076-E4551534EF8C}" srcId="{D1249FC8-3E49-4016-AF82-7DB6094F939A}" destId="{74F74070-8FD1-4234-A360-BD9B5A6DCA48}" srcOrd="0" destOrd="0" parTransId="{BD61AF3E-952E-4F1A-80E6-254B5192DD21}" sibTransId="{FA287AEA-0558-4546-B69F-0D0BA7C67308}"/>
    <dgm:cxn modelId="{1E1328E8-D69B-427C-9A4F-AF4D91C573C1}" type="presOf" srcId="{74F74070-8FD1-4234-A360-BD9B5A6DCA48}" destId="{D9C6CA23-62D9-4217-8030-BC94267DAFBD}" srcOrd="0" destOrd="0" presId="urn:microsoft.com/office/officeart/2005/8/layout/radial5"/>
    <dgm:cxn modelId="{DFA37DEB-DD76-4C0F-8470-5A52BC82BAFF}" type="presOf" srcId="{29AA329E-DEFC-4168-9E06-29F7CBBCFD6B}" destId="{8658AF87-1E0C-4B79-865F-FECB7DE78639}" srcOrd="1" destOrd="0" presId="urn:microsoft.com/office/officeart/2005/8/layout/radial5"/>
    <dgm:cxn modelId="{276CC2FB-0227-4069-87E9-132D63B08D8C}" srcId="{74F74070-8FD1-4234-A360-BD9B5A6DCA48}" destId="{150E6E73-41A3-4CF9-91F8-8F68E6734F1F}" srcOrd="0" destOrd="0" parTransId="{29AA329E-DEFC-4168-9E06-29F7CBBCFD6B}" sibTransId="{0E35BE40-FEF6-4E4D-9FE7-B24F030FB543}"/>
    <dgm:cxn modelId="{7109EAA0-32DF-45FC-BD0D-1528767B7A51}" type="presParOf" srcId="{70E7170B-2217-445A-BEB4-742B42BA7C2D}" destId="{D9C6CA23-62D9-4217-8030-BC94267DAFBD}" srcOrd="0" destOrd="0" presId="urn:microsoft.com/office/officeart/2005/8/layout/radial5"/>
    <dgm:cxn modelId="{BB765EFA-D680-47BE-9C38-1B54B1A2C27D}" type="presParOf" srcId="{70E7170B-2217-445A-BEB4-742B42BA7C2D}" destId="{1C8FF046-E983-4564-9C92-29C2C8B70C12}" srcOrd="1" destOrd="0" presId="urn:microsoft.com/office/officeart/2005/8/layout/radial5"/>
    <dgm:cxn modelId="{30215D23-8ED5-468D-B765-40B3F7B8DC0B}" type="presParOf" srcId="{1C8FF046-E983-4564-9C92-29C2C8B70C12}" destId="{8658AF87-1E0C-4B79-865F-FECB7DE78639}" srcOrd="0" destOrd="0" presId="urn:microsoft.com/office/officeart/2005/8/layout/radial5"/>
    <dgm:cxn modelId="{36CD973F-33F0-4AB9-9413-B87E53A4A1BE}" type="presParOf" srcId="{70E7170B-2217-445A-BEB4-742B42BA7C2D}" destId="{AE328CC6-CC25-4E30-832D-1A63EAFEE196}" srcOrd="2" destOrd="0" presId="urn:microsoft.com/office/officeart/2005/8/layout/radial5"/>
    <dgm:cxn modelId="{07F67DFC-FD28-4F28-95DD-E810B0AA5B0C}" type="presParOf" srcId="{70E7170B-2217-445A-BEB4-742B42BA7C2D}" destId="{FC712BDA-53A3-4FF6-BB11-60BDC6D7E212}" srcOrd="3" destOrd="0" presId="urn:microsoft.com/office/officeart/2005/8/layout/radial5"/>
    <dgm:cxn modelId="{BA4FC73F-ABC2-46A5-AD81-89781AB14C79}" type="presParOf" srcId="{FC712BDA-53A3-4FF6-BB11-60BDC6D7E212}" destId="{44BC2489-491F-4B65-88B4-8BED66EA4C92}" srcOrd="0" destOrd="0" presId="urn:microsoft.com/office/officeart/2005/8/layout/radial5"/>
    <dgm:cxn modelId="{1E23DC72-D07E-443C-8840-FD655E95C089}" type="presParOf" srcId="{70E7170B-2217-445A-BEB4-742B42BA7C2D}" destId="{15ED5624-EE6C-4E10-B4E0-33E64AEADBB8}" srcOrd="4" destOrd="0" presId="urn:microsoft.com/office/officeart/2005/8/layout/radial5"/>
    <dgm:cxn modelId="{8E6D421E-5722-4C5B-9B55-86B5121DAC71}" type="presParOf" srcId="{70E7170B-2217-445A-BEB4-742B42BA7C2D}" destId="{6968001F-2DDA-4329-94D2-3D2893E5935B}" srcOrd="5" destOrd="0" presId="urn:microsoft.com/office/officeart/2005/8/layout/radial5"/>
    <dgm:cxn modelId="{A5353CA4-3874-4E91-A648-216740B4BAD2}" type="presParOf" srcId="{6968001F-2DDA-4329-94D2-3D2893E5935B}" destId="{89927B36-6867-44F9-B854-0FFF845C3F0E}" srcOrd="0" destOrd="0" presId="urn:microsoft.com/office/officeart/2005/8/layout/radial5"/>
    <dgm:cxn modelId="{2542FB4A-5A52-4D4A-BEAD-09C2ECB2E349}" type="presParOf" srcId="{70E7170B-2217-445A-BEB4-742B42BA7C2D}" destId="{2DA45141-BF98-4BE9-9D5D-DBE033617F08}" srcOrd="6" destOrd="0" presId="urn:microsoft.com/office/officeart/2005/8/layout/radial5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97D5C633-81AA-40F5-B5EE-C56223904771}" type="doc">
      <dgm:prSet loTypeId="urn:microsoft.com/office/officeart/2005/8/layout/cycle4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cs-CZ"/>
        </a:p>
      </dgm:t>
    </dgm:pt>
    <dgm:pt modelId="{B2616592-E4E8-42ED-938D-6690DB9759C7}">
      <dgm:prSet phldrT="[Text]" custT="1"/>
      <dgm:spPr>
        <a:solidFill>
          <a:schemeClr val="accent6"/>
        </a:solidFill>
      </dgm:spPr>
      <dgm:t>
        <a:bodyPr/>
        <a:lstStyle/>
        <a:p>
          <a:r>
            <a:rPr lang="en-GB" sz="1000" noProof="0" dirty="0"/>
            <a:t>Strengths</a:t>
          </a:r>
        </a:p>
      </dgm:t>
    </dgm:pt>
    <dgm:pt modelId="{82A7AE8E-0601-43E8-A942-57368BC8103C}" type="parTrans" cxnId="{31203D3D-C882-4D4A-9D3B-078447275EF9}">
      <dgm:prSet/>
      <dgm:spPr/>
      <dgm:t>
        <a:bodyPr/>
        <a:lstStyle/>
        <a:p>
          <a:endParaRPr lang="en-GB" noProof="0" dirty="0"/>
        </a:p>
      </dgm:t>
    </dgm:pt>
    <dgm:pt modelId="{01434AF6-3F1A-4A9F-98F0-A357CE187EEE}" type="sibTrans" cxnId="{31203D3D-C882-4D4A-9D3B-078447275EF9}">
      <dgm:prSet/>
      <dgm:spPr/>
      <dgm:t>
        <a:bodyPr/>
        <a:lstStyle/>
        <a:p>
          <a:endParaRPr lang="en-GB" noProof="0" dirty="0"/>
        </a:p>
      </dgm:t>
    </dgm:pt>
    <dgm:pt modelId="{82E302EA-8892-41A6-8EC3-61A73E65AD51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>
              <a:latin typeface="Arial Black" panose="020B0A04020102020204" pitchFamily="34" charset="0"/>
            </a:rPr>
            <a:t>Existing waterway</a:t>
          </a:r>
        </a:p>
      </dgm:t>
    </dgm:pt>
    <dgm:pt modelId="{3059BC5C-A9A2-4C85-ACCD-8AD85AB32D03}" type="parTrans" cxnId="{857C6EF5-E489-4D50-8913-96AB6EB401A7}">
      <dgm:prSet/>
      <dgm:spPr/>
      <dgm:t>
        <a:bodyPr/>
        <a:lstStyle/>
        <a:p>
          <a:endParaRPr lang="en-GB" noProof="0" dirty="0"/>
        </a:p>
      </dgm:t>
    </dgm:pt>
    <dgm:pt modelId="{4C8B43B5-BCCA-4D98-A575-CA6EABB23DE7}" type="sibTrans" cxnId="{857C6EF5-E489-4D50-8913-96AB6EB401A7}">
      <dgm:prSet/>
      <dgm:spPr/>
      <dgm:t>
        <a:bodyPr/>
        <a:lstStyle/>
        <a:p>
          <a:endParaRPr lang="en-GB" noProof="0" dirty="0"/>
        </a:p>
      </dgm:t>
    </dgm:pt>
    <dgm:pt modelId="{B02D6D8C-3D2A-41BE-B21F-B686C46FE74B}">
      <dgm:prSet phldrT="[Text]" custT="1"/>
      <dgm:spPr>
        <a:solidFill>
          <a:schemeClr val="accent2"/>
        </a:solidFill>
      </dgm:spPr>
      <dgm:t>
        <a:bodyPr/>
        <a:lstStyle/>
        <a:p>
          <a:r>
            <a:rPr lang="en-GB" sz="1000" noProof="0" dirty="0"/>
            <a:t>Weaknesses</a:t>
          </a:r>
        </a:p>
      </dgm:t>
    </dgm:pt>
    <dgm:pt modelId="{2BACF0F8-54B4-407E-9B57-630F83C20264}" type="parTrans" cxnId="{1D1ABEF9-CE9E-46B3-9D92-693A91A50355}">
      <dgm:prSet/>
      <dgm:spPr/>
      <dgm:t>
        <a:bodyPr/>
        <a:lstStyle/>
        <a:p>
          <a:endParaRPr lang="en-GB" noProof="0" dirty="0"/>
        </a:p>
      </dgm:t>
    </dgm:pt>
    <dgm:pt modelId="{09F08AAB-549F-4D20-AC98-E5F1131CD14C}" type="sibTrans" cxnId="{1D1ABEF9-CE9E-46B3-9D92-693A91A50355}">
      <dgm:prSet/>
      <dgm:spPr/>
      <dgm:t>
        <a:bodyPr/>
        <a:lstStyle/>
        <a:p>
          <a:endParaRPr lang="en-GB" noProof="0" dirty="0"/>
        </a:p>
      </dgm:t>
    </dgm:pt>
    <dgm:pt modelId="{79DA3441-6436-4920-A5B3-B44CEF12B5BD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>
              <a:latin typeface="Arial Black" panose="020B0A04020102020204" pitchFamily="34" charset="0"/>
            </a:rPr>
            <a:t>Bottleneck on the D/CZ border</a:t>
          </a:r>
        </a:p>
      </dgm:t>
    </dgm:pt>
    <dgm:pt modelId="{2ED3D790-ADDC-4CB3-A516-668CFD93CE1C}" type="parTrans" cxnId="{EBE3ED17-7979-48C2-BC52-55548369268E}">
      <dgm:prSet/>
      <dgm:spPr/>
      <dgm:t>
        <a:bodyPr/>
        <a:lstStyle/>
        <a:p>
          <a:endParaRPr lang="en-GB" noProof="0" dirty="0"/>
        </a:p>
      </dgm:t>
    </dgm:pt>
    <dgm:pt modelId="{B3AC1EA6-53FE-46C9-A031-9403333B4EA9}" type="sibTrans" cxnId="{EBE3ED17-7979-48C2-BC52-55548369268E}">
      <dgm:prSet/>
      <dgm:spPr/>
      <dgm:t>
        <a:bodyPr/>
        <a:lstStyle/>
        <a:p>
          <a:endParaRPr lang="en-GB" noProof="0" dirty="0"/>
        </a:p>
      </dgm:t>
    </dgm:pt>
    <dgm:pt modelId="{5C5ABB0A-99C8-4FFB-BCB1-502B8605C112}">
      <dgm:prSet phldrT="[Text]" custT="1"/>
      <dgm:spPr>
        <a:solidFill>
          <a:srgbClr val="FF0000"/>
        </a:solidFill>
      </dgm:spPr>
      <dgm:t>
        <a:bodyPr/>
        <a:lstStyle/>
        <a:p>
          <a:r>
            <a:rPr lang="en-GB" sz="1000" noProof="0" dirty="0"/>
            <a:t>Threats</a:t>
          </a:r>
        </a:p>
      </dgm:t>
    </dgm:pt>
    <dgm:pt modelId="{D5CE0FB5-F706-4D45-8735-7CC3F9CD1457}" type="parTrans" cxnId="{93B3756A-91B3-4E91-89A0-25DCB83F7DB6}">
      <dgm:prSet/>
      <dgm:spPr/>
      <dgm:t>
        <a:bodyPr/>
        <a:lstStyle/>
        <a:p>
          <a:endParaRPr lang="en-GB" noProof="0" dirty="0"/>
        </a:p>
      </dgm:t>
    </dgm:pt>
    <dgm:pt modelId="{4041CC94-01F6-487D-8284-7A8F2E1BBE9E}" type="sibTrans" cxnId="{93B3756A-91B3-4E91-89A0-25DCB83F7DB6}">
      <dgm:prSet/>
      <dgm:spPr/>
      <dgm:t>
        <a:bodyPr/>
        <a:lstStyle/>
        <a:p>
          <a:endParaRPr lang="en-GB" noProof="0" dirty="0"/>
        </a:p>
      </dgm:t>
    </dgm:pt>
    <dgm:pt modelId="{DF09A6CB-A569-484C-814D-451340DDC64A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 err="1">
              <a:latin typeface="Arial Black" panose="020B0A04020102020204" pitchFamily="34" charset="0"/>
            </a:rPr>
            <a:t>Gesamtkonzept</a:t>
          </a:r>
          <a:r>
            <a:rPr lang="en-GB" sz="1000" noProof="0" dirty="0">
              <a:latin typeface="Arial Black" panose="020B0A04020102020204" pitchFamily="34" charset="0"/>
            </a:rPr>
            <a:t> Elbe</a:t>
          </a:r>
        </a:p>
      </dgm:t>
    </dgm:pt>
    <dgm:pt modelId="{5E231AEB-783E-4072-BD0C-10E1F82938D6}" type="parTrans" cxnId="{FB6EE567-C908-436E-93FC-EFED7A9C8244}">
      <dgm:prSet/>
      <dgm:spPr/>
      <dgm:t>
        <a:bodyPr/>
        <a:lstStyle/>
        <a:p>
          <a:endParaRPr lang="en-GB" noProof="0" dirty="0"/>
        </a:p>
      </dgm:t>
    </dgm:pt>
    <dgm:pt modelId="{D8FDA8DA-AF33-451C-BB96-3541BEAC7ED8}" type="sibTrans" cxnId="{FB6EE567-C908-436E-93FC-EFED7A9C8244}">
      <dgm:prSet/>
      <dgm:spPr/>
      <dgm:t>
        <a:bodyPr/>
        <a:lstStyle/>
        <a:p>
          <a:endParaRPr lang="en-GB" noProof="0" dirty="0"/>
        </a:p>
      </dgm:t>
    </dgm:pt>
    <dgm:pt modelId="{A0AB9B2C-8440-413E-AD25-65ABE5160E27}">
      <dgm:prSet phldrT="[Text]" custT="1"/>
      <dgm:spPr>
        <a:solidFill>
          <a:srgbClr val="E127C6"/>
        </a:solidFill>
      </dgm:spPr>
      <dgm:t>
        <a:bodyPr/>
        <a:lstStyle/>
        <a:p>
          <a:r>
            <a:rPr lang="en-GB" sz="1000" noProof="0" dirty="0"/>
            <a:t>Opportunities</a:t>
          </a:r>
        </a:p>
      </dgm:t>
    </dgm:pt>
    <dgm:pt modelId="{9C79E66F-B03F-444B-976D-170FC26AF58B}" type="parTrans" cxnId="{31B0ADBE-80C5-4A31-AD67-350FC9560B3D}">
      <dgm:prSet/>
      <dgm:spPr/>
      <dgm:t>
        <a:bodyPr/>
        <a:lstStyle/>
        <a:p>
          <a:endParaRPr lang="en-GB" noProof="0" dirty="0"/>
        </a:p>
      </dgm:t>
    </dgm:pt>
    <dgm:pt modelId="{944E4E08-3758-403C-9158-3C744108564A}" type="sibTrans" cxnId="{31B0ADBE-80C5-4A31-AD67-350FC9560B3D}">
      <dgm:prSet/>
      <dgm:spPr/>
      <dgm:t>
        <a:bodyPr/>
        <a:lstStyle/>
        <a:p>
          <a:endParaRPr lang="en-GB" noProof="0" dirty="0"/>
        </a:p>
      </dgm:t>
    </dgm:pt>
    <dgm:pt modelId="{9FEF4D9E-2BE4-4D8B-A221-8C6F25D221E5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>
              <a:latin typeface="Arial Black" panose="020B0A04020102020204" pitchFamily="34" charset="0"/>
            </a:rPr>
            <a:t>International treaty of the Elbe</a:t>
          </a:r>
        </a:p>
      </dgm:t>
    </dgm:pt>
    <dgm:pt modelId="{9C3692D3-BCDA-46E5-987B-622E43A7E185}" type="parTrans" cxnId="{D22FED3E-CB04-4A90-A291-1D2C5C02D7C2}">
      <dgm:prSet/>
      <dgm:spPr/>
      <dgm:t>
        <a:bodyPr/>
        <a:lstStyle/>
        <a:p>
          <a:endParaRPr lang="en-GB" noProof="0" dirty="0"/>
        </a:p>
      </dgm:t>
    </dgm:pt>
    <dgm:pt modelId="{E3337C67-92F8-4FE1-9C5C-CE2587A04C9F}" type="sibTrans" cxnId="{D22FED3E-CB04-4A90-A291-1D2C5C02D7C2}">
      <dgm:prSet/>
      <dgm:spPr/>
      <dgm:t>
        <a:bodyPr/>
        <a:lstStyle/>
        <a:p>
          <a:endParaRPr lang="en-GB" noProof="0" dirty="0"/>
        </a:p>
      </dgm:t>
    </dgm:pt>
    <dgm:pt modelId="{D563EAB3-294B-44FE-9B90-D75AB4199F1B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>
              <a:latin typeface="Arial Black" panose="020B0A04020102020204" pitchFamily="34" charset="0"/>
            </a:rPr>
            <a:t>Fleet adapted to the local conditions</a:t>
          </a:r>
        </a:p>
      </dgm:t>
    </dgm:pt>
    <dgm:pt modelId="{D203E66C-E5EF-44A0-BDF1-9A3E8D10141E}" type="parTrans" cxnId="{11139B77-D1F7-451F-9AC6-B785B71268D6}">
      <dgm:prSet/>
      <dgm:spPr/>
      <dgm:t>
        <a:bodyPr/>
        <a:lstStyle/>
        <a:p>
          <a:endParaRPr lang="en-GB" noProof="0" dirty="0"/>
        </a:p>
      </dgm:t>
    </dgm:pt>
    <dgm:pt modelId="{FAEA717C-291D-4F33-932F-428E467005E5}" type="sibTrans" cxnId="{11139B77-D1F7-451F-9AC6-B785B71268D6}">
      <dgm:prSet/>
      <dgm:spPr/>
      <dgm:t>
        <a:bodyPr/>
        <a:lstStyle/>
        <a:p>
          <a:endParaRPr lang="en-GB" noProof="0" dirty="0"/>
        </a:p>
      </dgm:t>
    </dgm:pt>
    <dgm:pt modelId="{32077826-0362-4216-8A16-9BECE486544B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>
              <a:latin typeface="Arial Black" panose="020B0A04020102020204" pitchFamily="34" charset="0"/>
            </a:rPr>
            <a:t>Czech territories in Hamburg</a:t>
          </a:r>
        </a:p>
      </dgm:t>
    </dgm:pt>
    <dgm:pt modelId="{E74D25E1-CB24-4560-89F4-04450A73A7F6}" type="parTrans" cxnId="{C6097043-1740-41F4-901D-EA01A1522C99}">
      <dgm:prSet/>
      <dgm:spPr/>
      <dgm:t>
        <a:bodyPr/>
        <a:lstStyle/>
        <a:p>
          <a:endParaRPr lang="en-GB" noProof="0" dirty="0"/>
        </a:p>
      </dgm:t>
    </dgm:pt>
    <dgm:pt modelId="{03B8C38D-683C-437D-88DC-F42BE7F77FB5}" type="sibTrans" cxnId="{C6097043-1740-41F4-901D-EA01A1522C99}">
      <dgm:prSet/>
      <dgm:spPr/>
      <dgm:t>
        <a:bodyPr/>
        <a:lstStyle/>
        <a:p>
          <a:endParaRPr lang="en-GB" noProof="0" dirty="0"/>
        </a:p>
      </dgm:t>
    </dgm:pt>
    <dgm:pt modelId="{AEF1A147-85DC-4633-A841-7D32D379FF53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 err="1">
              <a:latin typeface="Arial Black" panose="020B0A04020102020204" pitchFamily="34" charset="0"/>
            </a:rPr>
            <a:t>Gesamtkonzept</a:t>
          </a:r>
          <a:r>
            <a:rPr lang="en-GB" sz="1000" noProof="0" dirty="0">
              <a:latin typeface="Arial Black" panose="020B0A04020102020204" pitchFamily="34" charset="0"/>
            </a:rPr>
            <a:t> Elbe</a:t>
          </a:r>
        </a:p>
      </dgm:t>
    </dgm:pt>
    <dgm:pt modelId="{FE915E36-76DD-48F4-B870-204931D6074A}" type="parTrans" cxnId="{A83406D2-835B-4786-824A-3B8D3D44A2CE}">
      <dgm:prSet/>
      <dgm:spPr/>
      <dgm:t>
        <a:bodyPr/>
        <a:lstStyle/>
        <a:p>
          <a:endParaRPr lang="en-GB" noProof="0" dirty="0"/>
        </a:p>
      </dgm:t>
    </dgm:pt>
    <dgm:pt modelId="{5938FA3C-8C06-4F42-A16D-4AA2B67489E4}" type="sibTrans" cxnId="{A83406D2-835B-4786-824A-3B8D3D44A2CE}">
      <dgm:prSet/>
      <dgm:spPr/>
      <dgm:t>
        <a:bodyPr/>
        <a:lstStyle/>
        <a:p>
          <a:endParaRPr lang="en-GB" noProof="0" dirty="0"/>
        </a:p>
      </dgm:t>
    </dgm:pt>
    <dgm:pt modelId="{520249E3-E425-41CB-B853-11B66DD48840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>
              <a:latin typeface="Arial Black" panose="020B0A04020102020204" pitchFamily="34" charset="0"/>
            </a:rPr>
            <a:t>NGOs</a:t>
          </a:r>
        </a:p>
      </dgm:t>
    </dgm:pt>
    <dgm:pt modelId="{147B6B05-A68C-4A23-8DBD-97320C55D8F8}" type="parTrans" cxnId="{543F0E6A-C306-4523-9C24-D8184AE81222}">
      <dgm:prSet/>
      <dgm:spPr/>
      <dgm:t>
        <a:bodyPr/>
        <a:lstStyle/>
        <a:p>
          <a:endParaRPr lang="en-GB" noProof="0" dirty="0"/>
        </a:p>
      </dgm:t>
    </dgm:pt>
    <dgm:pt modelId="{C44ADF84-51C3-4B6F-917A-660065798EE7}" type="sibTrans" cxnId="{543F0E6A-C306-4523-9C24-D8184AE81222}">
      <dgm:prSet/>
      <dgm:spPr/>
      <dgm:t>
        <a:bodyPr/>
        <a:lstStyle/>
        <a:p>
          <a:endParaRPr lang="en-GB" noProof="0" dirty="0"/>
        </a:p>
      </dgm:t>
    </dgm:pt>
    <dgm:pt modelId="{4EB6EE12-6F17-44C2-982C-B6D6EE0457BF}" type="pres">
      <dgm:prSet presAssocID="{97D5C633-81AA-40F5-B5EE-C56223904771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</dgm:pt>
    <dgm:pt modelId="{6D4D17F1-CC79-4C57-8FF2-D949ADEC2F3A}" type="pres">
      <dgm:prSet presAssocID="{97D5C633-81AA-40F5-B5EE-C56223904771}" presName="children" presStyleCnt="0"/>
      <dgm:spPr/>
    </dgm:pt>
    <dgm:pt modelId="{F0654CFF-B2ED-48FE-BDB0-2479C7EA94FE}" type="pres">
      <dgm:prSet presAssocID="{97D5C633-81AA-40F5-B5EE-C56223904771}" presName="child1group" presStyleCnt="0"/>
      <dgm:spPr/>
    </dgm:pt>
    <dgm:pt modelId="{3A0E0EB5-6886-413C-8557-B41DB27CB8C2}" type="pres">
      <dgm:prSet presAssocID="{97D5C633-81AA-40F5-B5EE-C56223904771}" presName="child1" presStyleLbl="bgAcc1" presStyleIdx="0" presStyleCnt="4" custScaleX="123286" custScaleY="256823"/>
      <dgm:spPr/>
    </dgm:pt>
    <dgm:pt modelId="{1112A723-96FD-4F74-8977-0DD5C45BAD34}" type="pres">
      <dgm:prSet presAssocID="{97D5C633-81AA-40F5-B5EE-C56223904771}" presName="child1Text" presStyleLbl="bgAcc1" presStyleIdx="0" presStyleCnt="4">
        <dgm:presLayoutVars>
          <dgm:bulletEnabled val="1"/>
        </dgm:presLayoutVars>
      </dgm:prSet>
      <dgm:spPr/>
    </dgm:pt>
    <dgm:pt modelId="{2FADD92B-62EB-4474-A953-3C0A0B62A654}" type="pres">
      <dgm:prSet presAssocID="{97D5C633-81AA-40F5-B5EE-C56223904771}" presName="child2group" presStyleCnt="0"/>
      <dgm:spPr/>
    </dgm:pt>
    <dgm:pt modelId="{39F821B7-9D46-4A79-BF21-39F834E8235F}" type="pres">
      <dgm:prSet presAssocID="{97D5C633-81AA-40F5-B5EE-C56223904771}" presName="child2" presStyleLbl="bgAcc1" presStyleIdx="1" presStyleCnt="4" custScaleX="115669" custScaleY="148364"/>
      <dgm:spPr/>
    </dgm:pt>
    <dgm:pt modelId="{02235E20-BB7A-478E-9D3F-2F3AC6AAA18F}" type="pres">
      <dgm:prSet presAssocID="{97D5C633-81AA-40F5-B5EE-C56223904771}" presName="child2Text" presStyleLbl="bgAcc1" presStyleIdx="1" presStyleCnt="4">
        <dgm:presLayoutVars>
          <dgm:bulletEnabled val="1"/>
        </dgm:presLayoutVars>
      </dgm:prSet>
      <dgm:spPr/>
    </dgm:pt>
    <dgm:pt modelId="{0B43DC90-F10E-4987-AA76-46BCBC9C8981}" type="pres">
      <dgm:prSet presAssocID="{97D5C633-81AA-40F5-B5EE-C56223904771}" presName="child3group" presStyleCnt="0"/>
      <dgm:spPr/>
    </dgm:pt>
    <dgm:pt modelId="{DA62B72D-FB4E-4B0D-8AF0-EB2CCD54B513}" type="pres">
      <dgm:prSet presAssocID="{97D5C633-81AA-40F5-B5EE-C56223904771}" presName="child3" presStyleLbl="bgAcc1" presStyleIdx="2" presStyleCnt="4" custScaleX="153182" custScaleY="110263"/>
      <dgm:spPr/>
    </dgm:pt>
    <dgm:pt modelId="{2988464F-19CF-4843-9CE6-1A878DE1462B}" type="pres">
      <dgm:prSet presAssocID="{97D5C633-81AA-40F5-B5EE-C56223904771}" presName="child3Text" presStyleLbl="bgAcc1" presStyleIdx="2" presStyleCnt="4">
        <dgm:presLayoutVars>
          <dgm:bulletEnabled val="1"/>
        </dgm:presLayoutVars>
      </dgm:prSet>
      <dgm:spPr/>
    </dgm:pt>
    <dgm:pt modelId="{01C6EA1A-3864-4A6B-85E4-3A0EC9C4FF32}" type="pres">
      <dgm:prSet presAssocID="{97D5C633-81AA-40F5-B5EE-C56223904771}" presName="child4group" presStyleCnt="0"/>
      <dgm:spPr/>
    </dgm:pt>
    <dgm:pt modelId="{5FB6D436-E359-4B5B-954F-995D7D0EFF44}" type="pres">
      <dgm:prSet presAssocID="{97D5C633-81AA-40F5-B5EE-C56223904771}" presName="child4" presStyleLbl="bgAcc1" presStyleIdx="3" presStyleCnt="4" custScaleX="123286" custScaleY="110263"/>
      <dgm:spPr/>
    </dgm:pt>
    <dgm:pt modelId="{A957ABB7-1941-4E89-B322-4D92C634E670}" type="pres">
      <dgm:prSet presAssocID="{97D5C633-81AA-40F5-B5EE-C56223904771}" presName="child4Text" presStyleLbl="bgAcc1" presStyleIdx="3" presStyleCnt="4">
        <dgm:presLayoutVars>
          <dgm:bulletEnabled val="1"/>
        </dgm:presLayoutVars>
      </dgm:prSet>
      <dgm:spPr/>
    </dgm:pt>
    <dgm:pt modelId="{DBF7FBC6-3DEE-46D3-B42B-A7E4E8BE7531}" type="pres">
      <dgm:prSet presAssocID="{97D5C633-81AA-40F5-B5EE-C56223904771}" presName="childPlaceholder" presStyleCnt="0"/>
      <dgm:spPr/>
    </dgm:pt>
    <dgm:pt modelId="{E97D2672-C805-49BA-9F99-B9A214B58ABA}" type="pres">
      <dgm:prSet presAssocID="{97D5C633-81AA-40F5-B5EE-C56223904771}" presName="circle" presStyleCnt="0"/>
      <dgm:spPr/>
    </dgm:pt>
    <dgm:pt modelId="{62582212-3FA2-4B8B-9ADA-A9B2435718C1}" type="pres">
      <dgm:prSet presAssocID="{97D5C633-81AA-40F5-B5EE-C56223904771}" presName="quadrant1" presStyleLbl="node1" presStyleIdx="0" presStyleCnt="4" custScaleX="65641" custScaleY="62429" custLinFactNeighborX="20781" custLinFactNeighborY="20404">
        <dgm:presLayoutVars>
          <dgm:chMax val="1"/>
          <dgm:bulletEnabled val="1"/>
        </dgm:presLayoutVars>
      </dgm:prSet>
      <dgm:spPr/>
    </dgm:pt>
    <dgm:pt modelId="{D1F20547-AB51-4D53-B6E3-05233DA54119}" type="pres">
      <dgm:prSet presAssocID="{97D5C633-81AA-40F5-B5EE-C56223904771}" presName="quadrant2" presStyleLbl="node1" presStyleIdx="1" presStyleCnt="4" custScaleX="65641" custScaleY="62429" custLinFactNeighborX="-17531" custLinFactNeighborY="19540">
        <dgm:presLayoutVars>
          <dgm:chMax val="1"/>
          <dgm:bulletEnabled val="1"/>
        </dgm:presLayoutVars>
      </dgm:prSet>
      <dgm:spPr/>
    </dgm:pt>
    <dgm:pt modelId="{DF51261D-F7D6-4884-9F1F-C48F882D18E9}" type="pres">
      <dgm:prSet presAssocID="{97D5C633-81AA-40F5-B5EE-C56223904771}" presName="quadrant3" presStyleLbl="node1" presStyleIdx="2" presStyleCnt="4" custScaleX="65641" custScaleY="62429" custLinFactNeighborX="-17531" custLinFactNeighborY="-23364">
        <dgm:presLayoutVars>
          <dgm:chMax val="1"/>
          <dgm:bulletEnabled val="1"/>
        </dgm:presLayoutVars>
      </dgm:prSet>
      <dgm:spPr/>
    </dgm:pt>
    <dgm:pt modelId="{437C59A2-2C2B-4CDB-9ADB-A1F04908C95D}" type="pres">
      <dgm:prSet presAssocID="{97D5C633-81AA-40F5-B5EE-C56223904771}" presName="quadrant4" presStyleLbl="node1" presStyleIdx="3" presStyleCnt="4" custScaleX="65641" custScaleY="62429" custLinFactNeighborX="19917" custLinFactNeighborY="-24014">
        <dgm:presLayoutVars>
          <dgm:chMax val="1"/>
          <dgm:bulletEnabled val="1"/>
        </dgm:presLayoutVars>
      </dgm:prSet>
      <dgm:spPr/>
    </dgm:pt>
    <dgm:pt modelId="{C1396FCB-438C-4D80-9CB9-254AF87A0649}" type="pres">
      <dgm:prSet presAssocID="{97D5C633-81AA-40F5-B5EE-C56223904771}" presName="quadrantPlaceholder" presStyleCnt="0"/>
      <dgm:spPr/>
    </dgm:pt>
    <dgm:pt modelId="{762E5A34-08B5-43F4-8FF3-A0C1D9D000BE}" type="pres">
      <dgm:prSet presAssocID="{97D5C633-81AA-40F5-B5EE-C56223904771}" presName="center1" presStyleLbl="fgShp" presStyleIdx="0" presStyleCnt="2"/>
      <dgm:spPr/>
    </dgm:pt>
    <dgm:pt modelId="{F678674A-44A1-4D12-884F-0702E608FCF1}" type="pres">
      <dgm:prSet presAssocID="{97D5C633-81AA-40F5-B5EE-C56223904771}" presName="center2" presStyleLbl="fgShp" presStyleIdx="1" presStyleCnt="2"/>
      <dgm:spPr/>
    </dgm:pt>
  </dgm:ptLst>
  <dgm:cxnLst>
    <dgm:cxn modelId="{74A27012-385A-4DE9-AC91-A12F582D9B00}" type="presOf" srcId="{82E302EA-8892-41A6-8EC3-61A73E65AD51}" destId="{3A0E0EB5-6886-413C-8557-B41DB27CB8C2}" srcOrd="0" destOrd="0" presId="urn:microsoft.com/office/officeart/2005/8/layout/cycle4"/>
    <dgm:cxn modelId="{EBE3ED17-7979-48C2-BC52-55548369268E}" srcId="{B02D6D8C-3D2A-41BE-B21F-B686C46FE74B}" destId="{79DA3441-6436-4920-A5B3-B44CEF12B5BD}" srcOrd="0" destOrd="0" parTransId="{2ED3D790-ADDC-4CB3-A516-668CFD93CE1C}" sibTransId="{B3AC1EA6-53FE-46C9-A031-9403333B4EA9}"/>
    <dgm:cxn modelId="{3005A21D-1B4D-488D-98AF-2244A25B57B9}" type="presOf" srcId="{97D5C633-81AA-40F5-B5EE-C56223904771}" destId="{4EB6EE12-6F17-44C2-982C-B6D6EE0457BF}" srcOrd="0" destOrd="0" presId="urn:microsoft.com/office/officeart/2005/8/layout/cycle4"/>
    <dgm:cxn modelId="{F9FF6821-94D0-43C2-8E5A-F990F03330FD}" type="presOf" srcId="{AEF1A147-85DC-4633-A841-7D32D379FF53}" destId="{1112A723-96FD-4F74-8977-0DD5C45BAD34}" srcOrd="1" destOrd="3" presId="urn:microsoft.com/office/officeart/2005/8/layout/cycle4"/>
    <dgm:cxn modelId="{49B05E24-E8B2-41A4-B451-40D9D52B28E5}" type="presOf" srcId="{520249E3-E425-41CB-B853-11B66DD48840}" destId="{DA62B72D-FB4E-4B0D-8AF0-EB2CCD54B513}" srcOrd="0" destOrd="1" presId="urn:microsoft.com/office/officeart/2005/8/layout/cycle4"/>
    <dgm:cxn modelId="{2B20862F-F0B0-422C-B8C3-1B6C1687F502}" type="presOf" srcId="{9FEF4D9E-2BE4-4D8B-A221-8C6F25D221E5}" destId="{A957ABB7-1941-4E89-B322-4D92C634E670}" srcOrd="1" destOrd="0" presId="urn:microsoft.com/office/officeart/2005/8/layout/cycle4"/>
    <dgm:cxn modelId="{31203D3D-C882-4D4A-9D3B-078447275EF9}" srcId="{97D5C633-81AA-40F5-B5EE-C56223904771}" destId="{B2616592-E4E8-42ED-938D-6690DB9759C7}" srcOrd="0" destOrd="0" parTransId="{82A7AE8E-0601-43E8-A942-57368BC8103C}" sibTransId="{01434AF6-3F1A-4A9F-98F0-A357CE187EEE}"/>
    <dgm:cxn modelId="{D22FED3E-CB04-4A90-A291-1D2C5C02D7C2}" srcId="{A0AB9B2C-8440-413E-AD25-65ABE5160E27}" destId="{9FEF4D9E-2BE4-4D8B-A221-8C6F25D221E5}" srcOrd="0" destOrd="0" parTransId="{9C3692D3-BCDA-46E5-987B-622E43A7E185}" sibTransId="{E3337C67-92F8-4FE1-9C5C-CE2587A04C9F}"/>
    <dgm:cxn modelId="{C6097043-1740-41F4-901D-EA01A1522C99}" srcId="{B2616592-E4E8-42ED-938D-6690DB9759C7}" destId="{32077826-0362-4216-8A16-9BECE486544B}" srcOrd="2" destOrd="0" parTransId="{E74D25E1-CB24-4560-89F4-04450A73A7F6}" sibTransId="{03B8C38D-683C-437D-88DC-F42BE7F77FB5}"/>
    <dgm:cxn modelId="{FB6EE567-C908-436E-93FC-EFED7A9C8244}" srcId="{5C5ABB0A-99C8-4FFB-BCB1-502B8605C112}" destId="{DF09A6CB-A569-484C-814D-451340DDC64A}" srcOrd="0" destOrd="0" parTransId="{5E231AEB-783E-4072-BD0C-10E1F82938D6}" sibTransId="{D8FDA8DA-AF33-451C-BB96-3541BEAC7ED8}"/>
    <dgm:cxn modelId="{82703848-A1BE-40E0-ABA2-5C9F650B4D1E}" type="presOf" srcId="{D563EAB3-294B-44FE-9B90-D75AB4199F1B}" destId="{1112A723-96FD-4F74-8977-0DD5C45BAD34}" srcOrd="1" destOrd="1" presId="urn:microsoft.com/office/officeart/2005/8/layout/cycle4"/>
    <dgm:cxn modelId="{D2E31869-7C84-4D9C-8621-B2B5AF44E10E}" type="presOf" srcId="{32077826-0362-4216-8A16-9BECE486544B}" destId="{1112A723-96FD-4F74-8977-0DD5C45BAD34}" srcOrd="1" destOrd="2" presId="urn:microsoft.com/office/officeart/2005/8/layout/cycle4"/>
    <dgm:cxn modelId="{543F0E6A-C306-4523-9C24-D8184AE81222}" srcId="{5C5ABB0A-99C8-4FFB-BCB1-502B8605C112}" destId="{520249E3-E425-41CB-B853-11B66DD48840}" srcOrd="1" destOrd="0" parTransId="{147B6B05-A68C-4A23-8DBD-97320C55D8F8}" sibTransId="{C44ADF84-51C3-4B6F-917A-660065798EE7}"/>
    <dgm:cxn modelId="{93B3756A-91B3-4E91-89A0-25DCB83F7DB6}" srcId="{97D5C633-81AA-40F5-B5EE-C56223904771}" destId="{5C5ABB0A-99C8-4FFB-BCB1-502B8605C112}" srcOrd="2" destOrd="0" parTransId="{D5CE0FB5-F706-4D45-8735-7CC3F9CD1457}" sibTransId="{4041CC94-01F6-487D-8284-7A8F2E1BBE9E}"/>
    <dgm:cxn modelId="{A9398973-47F7-4089-808C-93182952EA9F}" type="presOf" srcId="{32077826-0362-4216-8A16-9BECE486544B}" destId="{3A0E0EB5-6886-413C-8557-B41DB27CB8C2}" srcOrd="0" destOrd="2" presId="urn:microsoft.com/office/officeart/2005/8/layout/cycle4"/>
    <dgm:cxn modelId="{5EF75F75-AD4D-400D-95B8-9034DB719169}" type="presOf" srcId="{79DA3441-6436-4920-A5B3-B44CEF12B5BD}" destId="{02235E20-BB7A-478E-9D3F-2F3AC6AAA18F}" srcOrd="1" destOrd="0" presId="urn:microsoft.com/office/officeart/2005/8/layout/cycle4"/>
    <dgm:cxn modelId="{11139B77-D1F7-451F-9AC6-B785B71268D6}" srcId="{B2616592-E4E8-42ED-938D-6690DB9759C7}" destId="{D563EAB3-294B-44FE-9B90-D75AB4199F1B}" srcOrd="1" destOrd="0" parTransId="{D203E66C-E5EF-44A0-BDF1-9A3E8D10141E}" sibTransId="{FAEA717C-291D-4F33-932F-428E467005E5}"/>
    <dgm:cxn modelId="{12D61C78-D842-46D9-97E1-8408579645F2}" type="presOf" srcId="{82E302EA-8892-41A6-8EC3-61A73E65AD51}" destId="{1112A723-96FD-4F74-8977-0DD5C45BAD34}" srcOrd="1" destOrd="0" presId="urn:microsoft.com/office/officeart/2005/8/layout/cycle4"/>
    <dgm:cxn modelId="{9DD76779-DF16-4924-8C63-911FA627BA27}" type="presOf" srcId="{5C5ABB0A-99C8-4FFB-BCB1-502B8605C112}" destId="{DF51261D-F7D6-4884-9F1F-C48F882D18E9}" srcOrd="0" destOrd="0" presId="urn:microsoft.com/office/officeart/2005/8/layout/cycle4"/>
    <dgm:cxn modelId="{E851DB85-FE6E-47CC-8549-D993A1223350}" type="presOf" srcId="{520249E3-E425-41CB-B853-11B66DD48840}" destId="{2988464F-19CF-4843-9CE6-1A878DE1462B}" srcOrd="1" destOrd="1" presId="urn:microsoft.com/office/officeart/2005/8/layout/cycle4"/>
    <dgm:cxn modelId="{6CA89FA8-DC73-4397-8747-6122BCC178F6}" type="presOf" srcId="{A0AB9B2C-8440-413E-AD25-65ABE5160E27}" destId="{437C59A2-2C2B-4CDB-9ADB-A1F04908C95D}" srcOrd="0" destOrd="0" presId="urn:microsoft.com/office/officeart/2005/8/layout/cycle4"/>
    <dgm:cxn modelId="{EBB480AC-695E-47B5-BD77-C432628854D3}" type="presOf" srcId="{B2616592-E4E8-42ED-938D-6690DB9759C7}" destId="{62582212-3FA2-4B8B-9ADA-A9B2435718C1}" srcOrd="0" destOrd="0" presId="urn:microsoft.com/office/officeart/2005/8/layout/cycle4"/>
    <dgm:cxn modelId="{B00FBCB3-3842-42D0-838B-C38EEA0FA8D3}" type="presOf" srcId="{AEF1A147-85DC-4633-A841-7D32D379FF53}" destId="{3A0E0EB5-6886-413C-8557-B41DB27CB8C2}" srcOrd="0" destOrd="3" presId="urn:microsoft.com/office/officeart/2005/8/layout/cycle4"/>
    <dgm:cxn modelId="{31B0ADBE-80C5-4A31-AD67-350FC9560B3D}" srcId="{97D5C633-81AA-40F5-B5EE-C56223904771}" destId="{A0AB9B2C-8440-413E-AD25-65ABE5160E27}" srcOrd="3" destOrd="0" parTransId="{9C79E66F-B03F-444B-976D-170FC26AF58B}" sibTransId="{944E4E08-3758-403C-9158-3C744108564A}"/>
    <dgm:cxn modelId="{A83406D2-835B-4786-824A-3B8D3D44A2CE}" srcId="{B2616592-E4E8-42ED-938D-6690DB9759C7}" destId="{AEF1A147-85DC-4633-A841-7D32D379FF53}" srcOrd="3" destOrd="0" parTransId="{FE915E36-76DD-48F4-B870-204931D6074A}" sibTransId="{5938FA3C-8C06-4F42-A16D-4AA2B67489E4}"/>
    <dgm:cxn modelId="{0E295ADA-C665-4D02-935A-50400ED3795C}" type="presOf" srcId="{9FEF4D9E-2BE4-4D8B-A221-8C6F25D221E5}" destId="{5FB6D436-E359-4B5B-954F-995D7D0EFF44}" srcOrd="0" destOrd="0" presId="urn:microsoft.com/office/officeart/2005/8/layout/cycle4"/>
    <dgm:cxn modelId="{682F82DB-89F6-4C98-BD23-1EDA8156BBD1}" type="presOf" srcId="{DF09A6CB-A569-484C-814D-451340DDC64A}" destId="{2988464F-19CF-4843-9CE6-1A878DE1462B}" srcOrd="1" destOrd="0" presId="urn:microsoft.com/office/officeart/2005/8/layout/cycle4"/>
    <dgm:cxn modelId="{54FC8BDE-244D-435F-A764-BA2A99C48FCC}" type="presOf" srcId="{79DA3441-6436-4920-A5B3-B44CEF12B5BD}" destId="{39F821B7-9D46-4A79-BF21-39F834E8235F}" srcOrd="0" destOrd="0" presId="urn:microsoft.com/office/officeart/2005/8/layout/cycle4"/>
    <dgm:cxn modelId="{8B17B7DE-A710-4AA2-8447-4EB42545E4C9}" type="presOf" srcId="{B02D6D8C-3D2A-41BE-B21F-B686C46FE74B}" destId="{D1F20547-AB51-4D53-B6E3-05233DA54119}" srcOrd="0" destOrd="0" presId="urn:microsoft.com/office/officeart/2005/8/layout/cycle4"/>
    <dgm:cxn modelId="{857C6EF5-E489-4D50-8913-96AB6EB401A7}" srcId="{B2616592-E4E8-42ED-938D-6690DB9759C7}" destId="{82E302EA-8892-41A6-8EC3-61A73E65AD51}" srcOrd="0" destOrd="0" parTransId="{3059BC5C-A9A2-4C85-ACCD-8AD85AB32D03}" sibTransId="{4C8B43B5-BCCA-4D98-A575-CA6EABB23DE7}"/>
    <dgm:cxn modelId="{C82C79F5-8FCE-4544-91E4-9CE5F0BC77E2}" type="presOf" srcId="{DF09A6CB-A569-484C-814D-451340DDC64A}" destId="{DA62B72D-FB4E-4B0D-8AF0-EB2CCD54B513}" srcOrd="0" destOrd="0" presId="urn:microsoft.com/office/officeart/2005/8/layout/cycle4"/>
    <dgm:cxn modelId="{71E113F6-CA4E-4306-9E52-ED46F1A415F6}" type="presOf" srcId="{D563EAB3-294B-44FE-9B90-D75AB4199F1B}" destId="{3A0E0EB5-6886-413C-8557-B41DB27CB8C2}" srcOrd="0" destOrd="1" presId="urn:microsoft.com/office/officeart/2005/8/layout/cycle4"/>
    <dgm:cxn modelId="{1D1ABEF9-CE9E-46B3-9D92-693A91A50355}" srcId="{97D5C633-81AA-40F5-B5EE-C56223904771}" destId="{B02D6D8C-3D2A-41BE-B21F-B686C46FE74B}" srcOrd="1" destOrd="0" parTransId="{2BACF0F8-54B4-407E-9B57-630F83C20264}" sibTransId="{09F08AAB-549F-4D20-AC98-E5F1131CD14C}"/>
    <dgm:cxn modelId="{D47F35B4-EDB4-4361-A0C4-A3226599079F}" type="presParOf" srcId="{4EB6EE12-6F17-44C2-982C-B6D6EE0457BF}" destId="{6D4D17F1-CC79-4C57-8FF2-D949ADEC2F3A}" srcOrd="0" destOrd="0" presId="urn:microsoft.com/office/officeart/2005/8/layout/cycle4"/>
    <dgm:cxn modelId="{78440C7C-86AA-48C2-AC88-021CDFB03270}" type="presParOf" srcId="{6D4D17F1-CC79-4C57-8FF2-D949ADEC2F3A}" destId="{F0654CFF-B2ED-48FE-BDB0-2479C7EA94FE}" srcOrd="0" destOrd="0" presId="urn:microsoft.com/office/officeart/2005/8/layout/cycle4"/>
    <dgm:cxn modelId="{89AAAD49-8CA2-40B8-BB6F-02CF21C46952}" type="presParOf" srcId="{F0654CFF-B2ED-48FE-BDB0-2479C7EA94FE}" destId="{3A0E0EB5-6886-413C-8557-B41DB27CB8C2}" srcOrd="0" destOrd="0" presId="urn:microsoft.com/office/officeart/2005/8/layout/cycle4"/>
    <dgm:cxn modelId="{BCBAD9F6-8EEC-4E44-80B3-7F4FBBE3C1A1}" type="presParOf" srcId="{F0654CFF-B2ED-48FE-BDB0-2479C7EA94FE}" destId="{1112A723-96FD-4F74-8977-0DD5C45BAD34}" srcOrd="1" destOrd="0" presId="urn:microsoft.com/office/officeart/2005/8/layout/cycle4"/>
    <dgm:cxn modelId="{12F408BF-6F0D-4606-953D-30AEC9890C6C}" type="presParOf" srcId="{6D4D17F1-CC79-4C57-8FF2-D949ADEC2F3A}" destId="{2FADD92B-62EB-4474-A953-3C0A0B62A654}" srcOrd="1" destOrd="0" presId="urn:microsoft.com/office/officeart/2005/8/layout/cycle4"/>
    <dgm:cxn modelId="{66CE8319-A271-4D80-805F-450185763F47}" type="presParOf" srcId="{2FADD92B-62EB-4474-A953-3C0A0B62A654}" destId="{39F821B7-9D46-4A79-BF21-39F834E8235F}" srcOrd="0" destOrd="0" presId="urn:microsoft.com/office/officeart/2005/8/layout/cycle4"/>
    <dgm:cxn modelId="{84B4394F-1FC5-43A0-99D4-9D6A60616F3D}" type="presParOf" srcId="{2FADD92B-62EB-4474-A953-3C0A0B62A654}" destId="{02235E20-BB7A-478E-9D3F-2F3AC6AAA18F}" srcOrd="1" destOrd="0" presId="urn:microsoft.com/office/officeart/2005/8/layout/cycle4"/>
    <dgm:cxn modelId="{14443417-D9B4-4814-A262-3B04C7D238C0}" type="presParOf" srcId="{6D4D17F1-CC79-4C57-8FF2-D949ADEC2F3A}" destId="{0B43DC90-F10E-4987-AA76-46BCBC9C8981}" srcOrd="2" destOrd="0" presId="urn:microsoft.com/office/officeart/2005/8/layout/cycle4"/>
    <dgm:cxn modelId="{0F7A15A6-FE8A-4C81-810A-7BF4FB9AC8B1}" type="presParOf" srcId="{0B43DC90-F10E-4987-AA76-46BCBC9C8981}" destId="{DA62B72D-FB4E-4B0D-8AF0-EB2CCD54B513}" srcOrd="0" destOrd="0" presId="urn:microsoft.com/office/officeart/2005/8/layout/cycle4"/>
    <dgm:cxn modelId="{4DF9ADD6-7421-490A-B9BF-B207C5AC4BB2}" type="presParOf" srcId="{0B43DC90-F10E-4987-AA76-46BCBC9C8981}" destId="{2988464F-19CF-4843-9CE6-1A878DE1462B}" srcOrd="1" destOrd="0" presId="urn:microsoft.com/office/officeart/2005/8/layout/cycle4"/>
    <dgm:cxn modelId="{FDFFC2AD-C31B-4C54-9D03-AFB25D9B2A4F}" type="presParOf" srcId="{6D4D17F1-CC79-4C57-8FF2-D949ADEC2F3A}" destId="{01C6EA1A-3864-4A6B-85E4-3A0EC9C4FF32}" srcOrd="3" destOrd="0" presId="urn:microsoft.com/office/officeart/2005/8/layout/cycle4"/>
    <dgm:cxn modelId="{F0FF5076-DFE4-49F4-AA22-5B8E1E745D2E}" type="presParOf" srcId="{01C6EA1A-3864-4A6B-85E4-3A0EC9C4FF32}" destId="{5FB6D436-E359-4B5B-954F-995D7D0EFF44}" srcOrd="0" destOrd="0" presId="urn:microsoft.com/office/officeart/2005/8/layout/cycle4"/>
    <dgm:cxn modelId="{C6D63C6A-DF75-4C21-8399-FA808C2D0156}" type="presParOf" srcId="{01C6EA1A-3864-4A6B-85E4-3A0EC9C4FF32}" destId="{A957ABB7-1941-4E89-B322-4D92C634E670}" srcOrd="1" destOrd="0" presId="urn:microsoft.com/office/officeart/2005/8/layout/cycle4"/>
    <dgm:cxn modelId="{4BC34CF4-164C-434E-BDA5-3029076A3043}" type="presParOf" srcId="{6D4D17F1-CC79-4C57-8FF2-D949ADEC2F3A}" destId="{DBF7FBC6-3DEE-46D3-B42B-A7E4E8BE7531}" srcOrd="4" destOrd="0" presId="urn:microsoft.com/office/officeart/2005/8/layout/cycle4"/>
    <dgm:cxn modelId="{42642295-E6BE-447E-A171-B607F7B691E2}" type="presParOf" srcId="{4EB6EE12-6F17-44C2-982C-B6D6EE0457BF}" destId="{E97D2672-C805-49BA-9F99-B9A214B58ABA}" srcOrd="1" destOrd="0" presId="urn:microsoft.com/office/officeart/2005/8/layout/cycle4"/>
    <dgm:cxn modelId="{BFE99485-979C-4628-9DDF-3BCAE115FAC6}" type="presParOf" srcId="{E97D2672-C805-49BA-9F99-B9A214B58ABA}" destId="{62582212-3FA2-4B8B-9ADA-A9B2435718C1}" srcOrd="0" destOrd="0" presId="urn:microsoft.com/office/officeart/2005/8/layout/cycle4"/>
    <dgm:cxn modelId="{D2416314-5DC1-4003-B4F3-5BA6866786C9}" type="presParOf" srcId="{E97D2672-C805-49BA-9F99-B9A214B58ABA}" destId="{D1F20547-AB51-4D53-B6E3-05233DA54119}" srcOrd="1" destOrd="0" presId="urn:microsoft.com/office/officeart/2005/8/layout/cycle4"/>
    <dgm:cxn modelId="{A5FEBBBC-85DA-442B-89D1-E8B039F77F2E}" type="presParOf" srcId="{E97D2672-C805-49BA-9F99-B9A214B58ABA}" destId="{DF51261D-F7D6-4884-9F1F-C48F882D18E9}" srcOrd="2" destOrd="0" presId="urn:microsoft.com/office/officeart/2005/8/layout/cycle4"/>
    <dgm:cxn modelId="{866608DC-A551-44EF-B60F-64BF4F5597C8}" type="presParOf" srcId="{E97D2672-C805-49BA-9F99-B9A214B58ABA}" destId="{437C59A2-2C2B-4CDB-9ADB-A1F04908C95D}" srcOrd="3" destOrd="0" presId="urn:microsoft.com/office/officeart/2005/8/layout/cycle4"/>
    <dgm:cxn modelId="{D266F623-80AD-4B87-B1EF-7F51ECAE09A0}" type="presParOf" srcId="{E97D2672-C805-49BA-9F99-B9A214B58ABA}" destId="{C1396FCB-438C-4D80-9CB9-254AF87A0649}" srcOrd="4" destOrd="0" presId="urn:microsoft.com/office/officeart/2005/8/layout/cycle4"/>
    <dgm:cxn modelId="{A8FAAEDA-C158-4CBB-8532-CF0F575E0D98}" type="presParOf" srcId="{4EB6EE12-6F17-44C2-982C-B6D6EE0457BF}" destId="{762E5A34-08B5-43F4-8FF3-A0C1D9D000BE}" srcOrd="2" destOrd="0" presId="urn:microsoft.com/office/officeart/2005/8/layout/cycle4"/>
    <dgm:cxn modelId="{13BAADAC-0A56-4E19-AE19-C28A84837F6D}" type="presParOf" srcId="{4EB6EE12-6F17-44C2-982C-B6D6EE0457BF}" destId="{F678674A-44A1-4D12-884F-0702E608FCF1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7D5C633-81AA-40F5-B5EE-C56223904771}" type="doc">
      <dgm:prSet loTypeId="urn:microsoft.com/office/officeart/2005/8/layout/cycle4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cs-CZ"/>
        </a:p>
      </dgm:t>
    </dgm:pt>
    <dgm:pt modelId="{B2616592-E4E8-42ED-938D-6690DB9759C7}">
      <dgm:prSet phldrT="[Text]" custT="1"/>
      <dgm:spPr>
        <a:solidFill>
          <a:schemeClr val="accent6"/>
        </a:solidFill>
      </dgm:spPr>
      <dgm:t>
        <a:bodyPr/>
        <a:lstStyle/>
        <a:p>
          <a:r>
            <a:rPr lang="cs-CZ" sz="1000" dirty="0" err="1"/>
            <a:t>Strengths</a:t>
          </a:r>
          <a:endParaRPr lang="cs-CZ" sz="1000" dirty="0"/>
        </a:p>
      </dgm:t>
    </dgm:pt>
    <dgm:pt modelId="{82A7AE8E-0601-43E8-A942-57368BC8103C}" type="parTrans" cxnId="{31203D3D-C882-4D4A-9D3B-078447275EF9}">
      <dgm:prSet/>
      <dgm:spPr/>
      <dgm:t>
        <a:bodyPr/>
        <a:lstStyle/>
        <a:p>
          <a:endParaRPr lang="cs-CZ"/>
        </a:p>
      </dgm:t>
    </dgm:pt>
    <dgm:pt modelId="{01434AF6-3F1A-4A9F-98F0-A357CE187EEE}" type="sibTrans" cxnId="{31203D3D-C882-4D4A-9D3B-078447275EF9}">
      <dgm:prSet/>
      <dgm:spPr/>
      <dgm:t>
        <a:bodyPr/>
        <a:lstStyle/>
        <a:p>
          <a:endParaRPr lang="cs-CZ"/>
        </a:p>
      </dgm:t>
    </dgm:pt>
    <dgm:pt modelId="{82E302EA-8892-41A6-8EC3-61A73E65AD51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dirty="0">
              <a:latin typeface="Arial Black" panose="020B0A04020102020204" pitchFamily="34" charset="0"/>
            </a:rPr>
            <a:t>Polish </a:t>
          </a:r>
          <a:r>
            <a:rPr lang="en-GB" sz="1000" noProof="0" dirty="0">
              <a:latin typeface="Arial Black" panose="020B0A04020102020204" pitchFamily="34" charset="0"/>
            </a:rPr>
            <a:t>approach</a:t>
          </a:r>
          <a:r>
            <a:rPr lang="en-GB" sz="1000" dirty="0">
              <a:latin typeface="Arial Black" panose="020B0A04020102020204" pitchFamily="34" charset="0"/>
            </a:rPr>
            <a:t> to their IWT</a:t>
          </a:r>
        </a:p>
      </dgm:t>
    </dgm:pt>
    <dgm:pt modelId="{3059BC5C-A9A2-4C85-ACCD-8AD85AB32D03}" type="parTrans" cxnId="{857C6EF5-E489-4D50-8913-96AB6EB401A7}">
      <dgm:prSet/>
      <dgm:spPr/>
      <dgm:t>
        <a:bodyPr/>
        <a:lstStyle/>
        <a:p>
          <a:endParaRPr lang="cs-CZ"/>
        </a:p>
      </dgm:t>
    </dgm:pt>
    <dgm:pt modelId="{4C8B43B5-BCCA-4D98-A575-CA6EABB23DE7}" type="sibTrans" cxnId="{857C6EF5-E489-4D50-8913-96AB6EB401A7}">
      <dgm:prSet/>
      <dgm:spPr/>
      <dgm:t>
        <a:bodyPr/>
        <a:lstStyle/>
        <a:p>
          <a:endParaRPr lang="cs-CZ"/>
        </a:p>
      </dgm:t>
    </dgm:pt>
    <dgm:pt modelId="{B02D6D8C-3D2A-41BE-B21F-B686C46FE74B}">
      <dgm:prSet phldrT="[Text]" custT="1"/>
      <dgm:spPr>
        <a:solidFill>
          <a:schemeClr val="accent2"/>
        </a:solidFill>
      </dgm:spPr>
      <dgm:t>
        <a:bodyPr/>
        <a:lstStyle/>
        <a:p>
          <a:r>
            <a:rPr lang="cs-CZ" sz="1000" dirty="0" err="1"/>
            <a:t>Weaknesses</a:t>
          </a:r>
          <a:endParaRPr lang="cs-CZ" sz="1000" dirty="0"/>
        </a:p>
      </dgm:t>
    </dgm:pt>
    <dgm:pt modelId="{2BACF0F8-54B4-407E-9B57-630F83C20264}" type="parTrans" cxnId="{1D1ABEF9-CE9E-46B3-9D92-693A91A50355}">
      <dgm:prSet/>
      <dgm:spPr/>
      <dgm:t>
        <a:bodyPr/>
        <a:lstStyle/>
        <a:p>
          <a:endParaRPr lang="cs-CZ"/>
        </a:p>
      </dgm:t>
    </dgm:pt>
    <dgm:pt modelId="{09F08AAB-549F-4D20-AC98-E5F1131CD14C}" type="sibTrans" cxnId="{1D1ABEF9-CE9E-46B3-9D92-693A91A50355}">
      <dgm:prSet/>
      <dgm:spPr/>
      <dgm:t>
        <a:bodyPr/>
        <a:lstStyle/>
        <a:p>
          <a:endParaRPr lang="cs-CZ"/>
        </a:p>
      </dgm:t>
    </dgm:pt>
    <dgm:pt modelId="{79DA3441-6436-4920-A5B3-B44CEF12B5BD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>
              <a:latin typeface="Arial Black" panose="020B0A04020102020204" pitchFamily="34" charset="0"/>
            </a:rPr>
            <a:t>Water conditions on the middle and upper Oder</a:t>
          </a:r>
        </a:p>
      </dgm:t>
    </dgm:pt>
    <dgm:pt modelId="{2ED3D790-ADDC-4CB3-A516-668CFD93CE1C}" type="parTrans" cxnId="{EBE3ED17-7979-48C2-BC52-55548369268E}">
      <dgm:prSet/>
      <dgm:spPr/>
      <dgm:t>
        <a:bodyPr/>
        <a:lstStyle/>
        <a:p>
          <a:endParaRPr lang="cs-CZ"/>
        </a:p>
      </dgm:t>
    </dgm:pt>
    <dgm:pt modelId="{B3AC1EA6-53FE-46C9-A031-9403333B4EA9}" type="sibTrans" cxnId="{EBE3ED17-7979-48C2-BC52-55548369268E}">
      <dgm:prSet/>
      <dgm:spPr/>
      <dgm:t>
        <a:bodyPr/>
        <a:lstStyle/>
        <a:p>
          <a:endParaRPr lang="cs-CZ"/>
        </a:p>
      </dgm:t>
    </dgm:pt>
    <dgm:pt modelId="{5C5ABB0A-99C8-4FFB-BCB1-502B8605C112}">
      <dgm:prSet phldrT="[Text]" custT="1"/>
      <dgm:spPr>
        <a:solidFill>
          <a:srgbClr val="FF0000"/>
        </a:solidFill>
      </dgm:spPr>
      <dgm:t>
        <a:bodyPr/>
        <a:lstStyle/>
        <a:p>
          <a:r>
            <a:rPr lang="cs-CZ" sz="1000" dirty="0" err="1"/>
            <a:t>Threats</a:t>
          </a:r>
          <a:endParaRPr lang="cs-CZ" sz="1000" dirty="0"/>
        </a:p>
      </dgm:t>
    </dgm:pt>
    <dgm:pt modelId="{D5CE0FB5-F706-4D45-8735-7CC3F9CD1457}" type="parTrans" cxnId="{93B3756A-91B3-4E91-89A0-25DCB83F7DB6}">
      <dgm:prSet/>
      <dgm:spPr/>
      <dgm:t>
        <a:bodyPr/>
        <a:lstStyle/>
        <a:p>
          <a:endParaRPr lang="cs-CZ"/>
        </a:p>
      </dgm:t>
    </dgm:pt>
    <dgm:pt modelId="{4041CC94-01F6-487D-8284-7A8F2E1BBE9E}" type="sibTrans" cxnId="{93B3756A-91B3-4E91-89A0-25DCB83F7DB6}">
      <dgm:prSet/>
      <dgm:spPr/>
      <dgm:t>
        <a:bodyPr/>
        <a:lstStyle/>
        <a:p>
          <a:endParaRPr lang="cs-CZ"/>
        </a:p>
      </dgm:t>
    </dgm:pt>
    <dgm:pt modelId="{DF09A6CB-A569-484C-814D-451340DDC64A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200" noProof="0" dirty="0">
              <a:latin typeface="Arial Black" panose="020B0A04020102020204" pitchFamily="34" charset="0"/>
            </a:rPr>
            <a:t>NGOs</a:t>
          </a:r>
        </a:p>
      </dgm:t>
    </dgm:pt>
    <dgm:pt modelId="{5E231AEB-783E-4072-BD0C-10E1F82938D6}" type="parTrans" cxnId="{FB6EE567-C908-436E-93FC-EFED7A9C8244}">
      <dgm:prSet/>
      <dgm:spPr/>
      <dgm:t>
        <a:bodyPr/>
        <a:lstStyle/>
        <a:p>
          <a:endParaRPr lang="cs-CZ"/>
        </a:p>
      </dgm:t>
    </dgm:pt>
    <dgm:pt modelId="{D8FDA8DA-AF33-451C-BB96-3541BEAC7ED8}" type="sibTrans" cxnId="{FB6EE567-C908-436E-93FC-EFED7A9C8244}">
      <dgm:prSet/>
      <dgm:spPr/>
      <dgm:t>
        <a:bodyPr/>
        <a:lstStyle/>
        <a:p>
          <a:endParaRPr lang="cs-CZ"/>
        </a:p>
      </dgm:t>
    </dgm:pt>
    <dgm:pt modelId="{A0AB9B2C-8440-413E-AD25-65ABE5160E27}">
      <dgm:prSet phldrT="[Text]" custT="1"/>
      <dgm:spPr>
        <a:solidFill>
          <a:srgbClr val="E127C6"/>
        </a:solidFill>
      </dgm:spPr>
      <dgm:t>
        <a:bodyPr/>
        <a:lstStyle/>
        <a:p>
          <a:r>
            <a:rPr lang="cs-CZ" sz="1000" dirty="0" err="1"/>
            <a:t>Opportunities</a:t>
          </a:r>
          <a:endParaRPr lang="cs-CZ" sz="1000" dirty="0"/>
        </a:p>
      </dgm:t>
    </dgm:pt>
    <dgm:pt modelId="{9C79E66F-B03F-444B-976D-170FC26AF58B}" type="parTrans" cxnId="{31B0ADBE-80C5-4A31-AD67-350FC9560B3D}">
      <dgm:prSet/>
      <dgm:spPr/>
      <dgm:t>
        <a:bodyPr/>
        <a:lstStyle/>
        <a:p>
          <a:endParaRPr lang="cs-CZ"/>
        </a:p>
      </dgm:t>
    </dgm:pt>
    <dgm:pt modelId="{944E4E08-3758-403C-9158-3C744108564A}" type="sibTrans" cxnId="{31B0ADBE-80C5-4A31-AD67-350FC9560B3D}">
      <dgm:prSet/>
      <dgm:spPr/>
      <dgm:t>
        <a:bodyPr/>
        <a:lstStyle/>
        <a:p>
          <a:endParaRPr lang="cs-CZ"/>
        </a:p>
      </dgm:t>
    </dgm:pt>
    <dgm:pt modelId="{9FEF4D9E-2BE4-4D8B-A221-8C6F25D221E5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dirty="0">
              <a:latin typeface="Arial Black" panose="020B0A04020102020204" pitchFamily="34" charset="0"/>
            </a:rPr>
            <a:t>Positive results of the </a:t>
          </a:r>
          <a:r>
            <a:rPr lang="en-GB" sz="1000" noProof="0" dirty="0">
              <a:latin typeface="Arial Black" panose="020B0A04020102020204" pitchFamily="34" charset="0"/>
            </a:rPr>
            <a:t>Feasibility</a:t>
          </a:r>
          <a:r>
            <a:rPr lang="en-GB" sz="1000" dirty="0">
              <a:latin typeface="Arial Black" panose="020B0A04020102020204" pitchFamily="34" charset="0"/>
            </a:rPr>
            <a:t> study for the Oder-branch</a:t>
          </a:r>
        </a:p>
      </dgm:t>
    </dgm:pt>
    <dgm:pt modelId="{9C3692D3-BCDA-46E5-987B-622E43A7E185}" type="parTrans" cxnId="{D22FED3E-CB04-4A90-A291-1D2C5C02D7C2}">
      <dgm:prSet/>
      <dgm:spPr/>
      <dgm:t>
        <a:bodyPr/>
        <a:lstStyle/>
        <a:p>
          <a:endParaRPr lang="cs-CZ"/>
        </a:p>
      </dgm:t>
    </dgm:pt>
    <dgm:pt modelId="{E3337C67-92F8-4FE1-9C5C-CE2587A04C9F}" type="sibTrans" cxnId="{D22FED3E-CB04-4A90-A291-1D2C5C02D7C2}">
      <dgm:prSet/>
      <dgm:spPr/>
      <dgm:t>
        <a:bodyPr/>
        <a:lstStyle/>
        <a:p>
          <a:endParaRPr lang="cs-CZ"/>
        </a:p>
      </dgm:t>
    </dgm:pt>
    <dgm:pt modelId="{B5E59EFC-1697-48D6-A9E6-FBD4EF202EA2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dirty="0">
              <a:latin typeface="Arial Black" panose="020B0A04020102020204" pitchFamily="34" charset="0"/>
            </a:rPr>
            <a:t>Polish interest in the international cooperation</a:t>
          </a:r>
        </a:p>
      </dgm:t>
    </dgm:pt>
    <dgm:pt modelId="{4AB0337E-FAC1-43D0-8E0A-C210C757089E}" type="parTrans" cxnId="{7A9E4B8E-A82A-47ED-9732-A57EABDC33B9}">
      <dgm:prSet/>
      <dgm:spPr/>
      <dgm:t>
        <a:bodyPr/>
        <a:lstStyle/>
        <a:p>
          <a:endParaRPr lang="cs-CZ"/>
        </a:p>
      </dgm:t>
    </dgm:pt>
    <dgm:pt modelId="{DCC97979-482E-4A42-ADD9-683735FFDA37}" type="sibTrans" cxnId="{7A9E4B8E-A82A-47ED-9732-A57EABDC33B9}">
      <dgm:prSet/>
      <dgm:spPr/>
      <dgm:t>
        <a:bodyPr/>
        <a:lstStyle/>
        <a:p>
          <a:endParaRPr lang="cs-CZ"/>
        </a:p>
      </dgm:t>
    </dgm:pt>
    <dgm:pt modelId="{34CEE5A3-AD9E-4343-9604-AD7545C23BEC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dirty="0">
              <a:latin typeface="Arial Black" panose="020B0A04020102020204" pitchFamily="34" charset="0"/>
            </a:rPr>
            <a:t>Great interest of the local authorities and potential users of the waterway</a:t>
          </a:r>
        </a:p>
      </dgm:t>
    </dgm:pt>
    <dgm:pt modelId="{6AB4133A-BAB7-4E03-92E8-D7B268358136}" type="parTrans" cxnId="{1E5BD0BC-BF3A-41B2-95BB-E969888C3042}">
      <dgm:prSet/>
      <dgm:spPr/>
      <dgm:t>
        <a:bodyPr/>
        <a:lstStyle/>
        <a:p>
          <a:endParaRPr lang="cs-CZ"/>
        </a:p>
      </dgm:t>
    </dgm:pt>
    <dgm:pt modelId="{1DC01B9E-7F9F-4070-9C34-23C976208768}" type="sibTrans" cxnId="{1E5BD0BC-BF3A-41B2-95BB-E969888C3042}">
      <dgm:prSet/>
      <dgm:spPr/>
      <dgm:t>
        <a:bodyPr/>
        <a:lstStyle/>
        <a:p>
          <a:endParaRPr lang="cs-CZ"/>
        </a:p>
      </dgm:t>
    </dgm:pt>
    <dgm:pt modelId="{4EB6EE12-6F17-44C2-982C-B6D6EE0457BF}" type="pres">
      <dgm:prSet presAssocID="{97D5C633-81AA-40F5-B5EE-C56223904771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</dgm:pt>
    <dgm:pt modelId="{6D4D17F1-CC79-4C57-8FF2-D949ADEC2F3A}" type="pres">
      <dgm:prSet presAssocID="{97D5C633-81AA-40F5-B5EE-C56223904771}" presName="children" presStyleCnt="0"/>
      <dgm:spPr/>
    </dgm:pt>
    <dgm:pt modelId="{F0654CFF-B2ED-48FE-BDB0-2479C7EA94FE}" type="pres">
      <dgm:prSet presAssocID="{97D5C633-81AA-40F5-B5EE-C56223904771}" presName="child1group" presStyleCnt="0"/>
      <dgm:spPr/>
    </dgm:pt>
    <dgm:pt modelId="{3A0E0EB5-6886-413C-8557-B41DB27CB8C2}" type="pres">
      <dgm:prSet presAssocID="{97D5C633-81AA-40F5-B5EE-C56223904771}" presName="child1" presStyleLbl="bgAcc1" presStyleIdx="0" presStyleCnt="4" custScaleX="123286" custScaleY="153366" custLinFactNeighborX="-1268" custLinFactNeighborY="9653"/>
      <dgm:spPr/>
    </dgm:pt>
    <dgm:pt modelId="{1112A723-96FD-4F74-8977-0DD5C45BAD34}" type="pres">
      <dgm:prSet presAssocID="{97D5C633-81AA-40F5-B5EE-C56223904771}" presName="child1Text" presStyleLbl="bgAcc1" presStyleIdx="0" presStyleCnt="4">
        <dgm:presLayoutVars>
          <dgm:bulletEnabled val="1"/>
        </dgm:presLayoutVars>
      </dgm:prSet>
      <dgm:spPr/>
    </dgm:pt>
    <dgm:pt modelId="{2FADD92B-62EB-4474-A953-3C0A0B62A654}" type="pres">
      <dgm:prSet presAssocID="{97D5C633-81AA-40F5-B5EE-C56223904771}" presName="child2group" presStyleCnt="0"/>
      <dgm:spPr/>
    </dgm:pt>
    <dgm:pt modelId="{39F821B7-9D46-4A79-BF21-39F834E8235F}" type="pres">
      <dgm:prSet presAssocID="{97D5C633-81AA-40F5-B5EE-C56223904771}" presName="child2" presStyleLbl="bgAcc1" presStyleIdx="1" presStyleCnt="4" custScaleX="115669" custScaleY="114275" custLinFactNeighborX="-23452" custLinFactNeighborY="34247"/>
      <dgm:spPr/>
    </dgm:pt>
    <dgm:pt modelId="{02235E20-BB7A-478E-9D3F-2F3AC6AAA18F}" type="pres">
      <dgm:prSet presAssocID="{97D5C633-81AA-40F5-B5EE-C56223904771}" presName="child2Text" presStyleLbl="bgAcc1" presStyleIdx="1" presStyleCnt="4">
        <dgm:presLayoutVars>
          <dgm:bulletEnabled val="1"/>
        </dgm:presLayoutVars>
      </dgm:prSet>
      <dgm:spPr/>
    </dgm:pt>
    <dgm:pt modelId="{0B43DC90-F10E-4987-AA76-46BCBC9C8981}" type="pres">
      <dgm:prSet presAssocID="{97D5C633-81AA-40F5-B5EE-C56223904771}" presName="child3group" presStyleCnt="0"/>
      <dgm:spPr/>
    </dgm:pt>
    <dgm:pt modelId="{DA62B72D-FB4E-4B0D-8AF0-EB2CCD54B513}" type="pres">
      <dgm:prSet presAssocID="{97D5C633-81AA-40F5-B5EE-C56223904771}" presName="child3" presStyleLbl="bgAcc1" presStyleIdx="2" presStyleCnt="4" custScaleX="123286" custScaleY="34539" custLinFactNeighborX="-19649" custLinFactNeighborY="-35225"/>
      <dgm:spPr/>
    </dgm:pt>
    <dgm:pt modelId="{2988464F-19CF-4843-9CE6-1A878DE1462B}" type="pres">
      <dgm:prSet presAssocID="{97D5C633-81AA-40F5-B5EE-C56223904771}" presName="child3Text" presStyleLbl="bgAcc1" presStyleIdx="2" presStyleCnt="4">
        <dgm:presLayoutVars>
          <dgm:bulletEnabled val="1"/>
        </dgm:presLayoutVars>
      </dgm:prSet>
      <dgm:spPr/>
    </dgm:pt>
    <dgm:pt modelId="{E43FCE88-2009-4D6B-BB58-6000DEABD224}" type="pres">
      <dgm:prSet presAssocID="{97D5C633-81AA-40F5-B5EE-C56223904771}" presName="child4group" presStyleCnt="0"/>
      <dgm:spPr/>
    </dgm:pt>
    <dgm:pt modelId="{89D0A210-D63B-4518-90DB-88C21B05268D}" type="pres">
      <dgm:prSet presAssocID="{97D5C633-81AA-40F5-B5EE-C56223904771}" presName="child4" presStyleLbl="bgAcc1" presStyleIdx="3" presStyleCnt="4" custScaleX="209179" custScaleY="203870" custLinFactNeighborX="-2715" custLinFactNeighborY="-4729"/>
      <dgm:spPr/>
    </dgm:pt>
    <dgm:pt modelId="{DCFDE436-4612-40BC-BF3E-C7C4059878B2}" type="pres">
      <dgm:prSet presAssocID="{97D5C633-81AA-40F5-B5EE-C56223904771}" presName="child4Text" presStyleLbl="bgAcc1" presStyleIdx="3" presStyleCnt="4">
        <dgm:presLayoutVars>
          <dgm:bulletEnabled val="1"/>
        </dgm:presLayoutVars>
      </dgm:prSet>
      <dgm:spPr/>
    </dgm:pt>
    <dgm:pt modelId="{DBF7FBC6-3DEE-46D3-B42B-A7E4E8BE7531}" type="pres">
      <dgm:prSet presAssocID="{97D5C633-81AA-40F5-B5EE-C56223904771}" presName="childPlaceholder" presStyleCnt="0"/>
      <dgm:spPr/>
    </dgm:pt>
    <dgm:pt modelId="{E97D2672-C805-49BA-9F99-B9A214B58ABA}" type="pres">
      <dgm:prSet presAssocID="{97D5C633-81AA-40F5-B5EE-C56223904771}" presName="circle" presStyleCnt="0"/>
      <dgm:spPr/>
    </dgm:pt>
    <dgm:pt modelId="{62582212-3FA2-4B8B-9ADA-A9B2435718C1}" type="pres">
      <dgm:prSet presAssocID="{97D5C633-81AA-40F5-B5EE-C56223904771}" presName="quadrant1" presStyleLbl="node1" presStyleIdx="0" presStyleCnt="4" custScaleX="65641" custScaleY="62429" custLinFactNeighborX="21382" custLinFactNeighborY="19700">
        <dgm:presLayoutVars>
          <dgm:chMax val="1"/>
          <dgm:bulletEnabled val="1"/>
        </dgm:presLayoutVars>
      </dgm:prSet>
      <dgm:spPr/>
    </dgm:pt>
    <dgm:pt modelId="{D1F20547-AB51-4D53-B6E3-05233DA54119}" type="pres">
      <dgm:prSet presAssocID="{97D5C633-81AA-40F5-B5EE-C56223904771}" presName="quadrant2" presStyleLbl="node1" presStyleIdx="1" presStyleCnt="4" custScaleX="65641" custScaleY="62429" custLinFactNeighborX="-18855" custLinFactNeighborY="18977">
        <dgm:presLayoutVars>
          <dgm:chMax val="1"/>
          <dgm:bulletEnabled val="1"/>
        </dgm:presLayoutVars>
      </dgm:prSet>
      <dgm:spPr/>
    </dgm:pt>
    <dgm:pt modelId="{DF51261D-F7D6-4884-9F1F-C48F882D18E9}" type="pres">
      <dgm:prSet presAssocID="{97D5C633-81AA-40F5-B5EE-C56223904771}" presName="quadrant3" presStyleLbl="node1" presStyleIdx="2" presStyleCnt="4" custScaleX="65641" custScaleY="62429" custLinFactNeighborX="-18132" custLinFactNeighborY="-23121">
        <dgm:presLayoutVars>
          <dgm:chMax val="1"/>
          <dgm:bulletEnabled val="1"/>
        </dgm:presLayoutVars>
      </dgm:prSet>
      <dgm:spPr/>
    </dgm:pt>
    <dgm:pt modelId="{437C59A2-2C2B-4CDB-9ADB-A1F04908C95D}" type="pres">
      <dgm:prSet presAssocID="{97D5C633-81AA-40F5-B5EE-C56223904771}" presName="quadrant4" presStyleLbl="node1" presStyleIdx="3" presStyleCnt="4" custScaleX="65641" custScaleY="62429" custLinFactNeighborX="21382" custLinFactNeighborY="-22324">
        <dgm:presLayoutVars>
          <dgm:chMax val="1"/>
          <dgm:bulletEnabled val="1"/>
        </dgm:presLayoutVars>
      </dgm:prSet>
      <dgm:spPr/>
    </dgm:pt>
    <dgm:pt modelId="{C1396FCB-438C-4D80-9CB9-254AF87A0649}" type="pres">
      <dgm:prSet presAssocID="{97D5C633-81AA-40F5-B5EE-C56223904771}" presName="quadrantPlaceholder" presStyleCnt="0"/>
      <dgm:spPr/>
    </dgm:pt>
    <dgm:pt modelId="{762E5A34-08B5-43F4-8FF3-A0C1D9D000BE}" type="pres">
      <dgm:prSet presAssocID="{97D5C633-81AA-40F5-B5EE-C56223904771}" presName="center1" presStyleLbl="fgShp" presStyleIdx="0" presStyleCnt="2"/>
      <dgm:spPr/>
    </dgm:pt>
    <dgm:pt modelId="{F678674A-44A1-4D12-884F-0702E608FCF1}" type="pres">
      <dgm:prSet presAssocID="{97D5C633-81AA-40F5-B5EE-C56223904771}" presName="center2" presStyleLbl="fgShp" presStyleIdx="1" presStyleCnt="2"/>
      <dgm:spPr/>
    </dgm:pt>
  </dgm:ptLst>
  <dgm:cxnLst>
    <dgm:cxn modelId="{0721D100-85D2-486D-88EF-5ECCD5B6E4DD}" type="presOf" srcId="{34CEE5A3-AD9E-4343-9604-AD7545C23BEC}" destId="{89D0A210-D63B-4518-90DB-88C21B05268D}" srcOrd="0" destOrd="1" presId="urn:microsoft.com/office/officeart/2005/8/layout/cycle4"/>
    <dgm:cxn modelId="{74A27012-385A-4DE9-AC91-A12F582D9B00}" type="presOf" srcId="{82E302EA-8892-41A6-8EC3-61A73E65AD51}" destId="{3A0E0EB5-6886-413C-8557-B41DB27CB8C2}" srcOrd="0" destOrd="0" presId="urn:microsoft.com/office/officeart/2005/8/layout/cycle4"/>
    <dgm:cxn modelId="{EBE3ED17-7979-48C2-BC52-55548369268E}" srcId="{B02D6D8C-3D2A-41BE-B21F-B686C46FE74B}" destId="{79DA3441-6436-4920-A5B3-B44CEF12B5BD}" srcOrd="0" destOrd="0" parTransId="{2ED3D790-ADDC-4CB3-A516-668CFD93CE1C}" sibTransId="{B3AC1EA6-53FE-46C9-A031-9403333B4EA9}"/>
    <dgm:cxn modelId="{3005A21D-1B4D-488D-98AF-2244A25B57B9}" type="presOf" srcId="{97D5C633-81AA-40F5-B5EE-C56223904771}" destId="{4EB6EE12-6F17-44C2-982C-B6D6EE0457BF}" srcOrd="0" destOrd="0" presId="urn:microsoft.com/office/officeart/2005/8/layout/cycle4"/>
    <dgm:cxn modelId="{31203D3D-C882-4D4A-9D3B-078447275EF9}" srcId="{97D5C633-81AA-40F5-B5EE-C56223904771}" destId="{B2616592-E4E8-42ED-938D-6690DB9759C7}" srcOrd="0" destOrd="0" parTransId="{82A7AE8E-0601-43E8-A942-57368BC8103C}" sibTransId="{01434AF6-3F1A-4A9F-98F0-A357CE187EEE}"/>
    <dgm:cxn modelId="{D22FED3E-CB04-4A90-A291-1D2C5C02D7C2}" srcId="{A0AB9B2C-8440-413E-AD25-65ABE5160E27}" destId="{9FEF4D9E-2BE4-4D8B-A221-8C6F25D221E5}" srcOrd="0" destOrd="0" parTransId="{9C3692D3-BCDA-46E5-987B-622E43A7E185}" sibTransId="{E3337C67-92F8-4FE1-9C5C-CE2587A04C9F}"/>
    <dgm:cxn modelId="{FB6EE567-C908-436E-93FC-EFED7A9C8244}" srcId="{5C5ABB0A-99C8-4FFB-BCB1-502B8605C112}" destId="{DF09A6CB-A569-484C-814D-451340DDC64A}" srcOrd="0" destOrd="0" parTransId="{5E231AEB-783E-4072-BD0C-10E1F82938D6}" sibTransId="{D8FDA8DA-AF33-451C-BB96-3541BEAC7ED8}"/>
    <dgm:cxn modelId="{93B3756A-91B3-4E91-89A0-25DCB83F7DB6}" srcId="{97D5C633-81AA-40F5-B5EE-C56223904771}" destId="{5C5ABB0A-99C8-4FFB-BCB1-502B8605C112}" srcOrd="2" destOrd="0" parTransId="{D5CE0FB5-F706-4D45-8735-7CC3F9CD1457}" sibTransId="{4041CC94-01F6-487D-8284-7A8F2E1BBE9E}"/>
    <dgm:cxn modelId="{1617964F-6D78-45FA-8A89-0C9766AF9B99}" type="presOf" srcId="{9FEF4D9E-2BE4-4D8B-A221-8C6F25D221E5}" destId="{DCFDE436-4612-40BC-BF3E-C7C4059878B2}" srcOrd="1" destOrd="0" presId="urn:microsoft.com/office/officeart/2005/8/layout/cycle4"/>
    <dgm:cxn modelId="{A8F3BA72-8209-48FD-80F0-DF961DBA81D3}" type="presOf" srcId="{9FEF4D9E-2BE4-4D8B-A221-8C6F25D221E5}" destId="{89D0A210-D63B-4518-90DB-88C21B05268D}" srcOrd="0" destOrd="0" presId="urn:microsoft.com/office/officeart/2005/8/layout/cycle4"/>
    <dgm:cxn modelId="{5EF75F75-AD4D-400D-95B8-9034DB719169}" type="presOf" srcId="{79DA3441-6436-4920-A5B3-B44CEF12B5BD}" destId="{02235E20-BB7A-478E-9D3F-2F3AC6AAA18F}" srcOrd="1" destOrd="0" presId="urn:microsoft.com/office/officeart/2005/8/layout/cycle4"/>
    <dgm:cxn modelId="{12D61C78-D842-46D9-97E1-8408579645F2}" type="presOf" srcId="{82E302EA-8892-41A6-8EC3-61A73E65AD51}" destId="{1112A723-96FD-4F74-8977-0DD5C45BAD34}" srcOrd="1" destOrd="0" presId="urn:microsoft.com/office/officeart/2005/8/layout/cycle4"/>
    <dgm:cxn modelId="{9DD76779-DF16-4924-8C63-911FA627BA27}" type="presOf" srcId="{5C5ABB0A-99C8-4FFB-BCB1-502B8605C112}" destId="{DF51261D-F7D6-4884-9F1F-C48F882D18E9}" srcOrd="0" destOrd="0" presId="urn:microsoft.com/office/officeart/2005/8/layout/cycle4"/>
    <dgm:cxn modelId="{6EDEAD8B-7211-4F44-A697-B891AD745BD6}" type="presOf" srcId="{B5E59EFC-1697-48D6-A9E6-FBD4EF202EA2}" destId="{3A0E0EB5-6886-413C-8557-B41DB27CB8C2}" srcOrd="0" destOrd="1" presId="urn:microsoft.com/office/officeart/2005/8/layout/cycle4"/>
    <dgm:cxn modelId="{7A9E4B8E-A82A-47ED-9732-A57EABDC33B9}" srcId="{B2616592-E4E8-42ED-938D-6690DB9759C7}" destId="{B5E59EFC-1697-48D6-A9E6-FBD4EF202EA2}" srcOrd="1" destOrd="0" parTransId="{4AB0337E-FAC1-43D0-8E0A-C210C757089E}" sibTransId="{DCC97979-482E-4A42-ADD9-683735FFDA37}"/>
    <dgm:cxn modelId="{6CA89FA8-DC73-4397-8747-6122BCC178F6}" type="presOf" srcId="{A0AB9B2C-8440-413E-AD25-65ABE5160E27}" destId="{437C59A2-2C2B-4CDB-9ADB-A1F04908C95D}" srcOrd="0" destOrd="0" presId="urn:microsoft.com/office/officeart/2005/8/layout/cycle4"/>
    <dgm:cxn modelId="{EBB480AC-695E-47B5-BD77-C432628854D3}" type="presOf" srcId="{B2616592-E4E8-42ED-938D-6690DB9759C7}" destId="{62582212-3FA2-4B8B-9ADA-A9B2435718C1}" srcOrd="0" destOrd="0" presId="urn:microsoft.com/office/officeart/2005/8/layout/cycle4"/>
    <dgm:cxn modelId="{1E5BD0BC-BF3A-41B2-95BB-E969888C3042}" srcId="{A0AB9B2C-8440-413E-AD25-65ABE5160E27}" destId="{34CEE5A3-AD9E-4343-9604-AD7545C23BEC}" srcOrd="1" destOrd="0" parTransId="{6AB4133A-BAB7-4E03-92E8-D7B268358136}" sibTransId="{1DC01B9E-7F9F-4070-9C34-23C976208768}"/>
    <dgm:cxn modelId="{31B0ADBE-80C5-4A31-AD67-350FC9560B3D}" srcId="{97D5C633-81AA-40F5-B5EE-C56223904771}" destId="{A0AB9B2C-8440-413E-AD25-65ABE5160E27}" srcOrd="3" destOrd="0" parTransId="{9C79E66F-B03F-444B-976D-170FC26AF58B}" sibTransId="{944E4E08-3758-403C-9158-3C744108564A}"/>
    <dgm:cxn modelId="{F98F51DA-823A-4163-B848-E0BCA64A7634}" type="presOf" srcId="{34CEE5A3-AD9E-4343-9604-AD7545C23BEC}" destId="{DCFDE436-4612-40BC-BF3E-C7C4059878B2}" srcOrd="1" destOrd="1" presId="urn:microsoft.com/office/officeart/2005/8/layout/cycle4"/>
    <dgm:cxn modelId="{682F82DB-89F6-4C98-BD23-1EDA8156BBD1}" type="presOf" srcId="{DF09A6CB-A569-484C-814D-451340DDC64A}" destId="{2988464F-19CF-4843-9CE6-1A878DE1462B}" srcOrd="1" destOrd="0" presId="urn:microsoft.com/office/officeart/2005/8/layout/cycle4"/>
    <dgm:cxn modelId="{54FC8BDE-244D-435F-A764-BA2A99C48FCC}" type="presOf" srcId="{79DA3441-6436-4920-A5B3-B44CEF12B5BD}" destId="{39F821B7-9D46-4A79-BF21-39F834E8235F}" srcOrd="0" destOrd="0" presId="urn:microsoft.com/office/officeart/2005/8/layout/cycle4"/>
    <dgm:cxn modelId="{8B17B7DE-A710-4AA2-8447-4EB42545E4C9}" type="presOf" srcId="{B02D6D8C-3D2A-41BE-B21F-B686C46FE74B}" destId="{D1F20547-AB51-4D53-B6E3-05233DA54119}" srcOrd="0" destOrd="0" presId="urn:microsoft.com/office/officeart/2005/8/layout/cycle4"/>
    <dgm:cxn modelId="{895C7DED-18DD-4540-AE38-6901C221108C}" type="presOf" srcId="{B5E59EFC-1697-48D6-A9E6-FBD4EF202EA2}" destId="{1112A723-96FD-4F74-8977-0DD5C45BAD34}" srcOrd="1" destOrd="1" presId="urn:microsoft.com/office/officeart/2005/8/layout/cycle4"/>
    <dgm:cxn modelId="{857C6EF5-E489-4D50-8913-96AB6EB401A7}" srcId="{B2616592-E4E8-42ED-938D-6690DB9759C7}" destId="{82E302EA-8892-41A6-8EC3-61A73E65AD51}" srcOrd="0" destOrd="0" parTransId="{3059BC5C-A9A2-4C85-ACCD-8AD85AB32D03}" sibTransId="{4C8B43B5-BCCA-4D98-A575-CA6EABB23DE7}"/>
    <dgm:cxn modelId="{C82C79F5-8FCE-4544-91E4-9CE5F0BC77E2}" type="presOf" srcId="{DF09A6CB-A569-484C-814D-451340DDC64A}" destId="{DA62B72D-FB4E-4B0D-8AF0-EB2CCD54B513}" srcOrd="0" destOrd="0" presId="urn:microsoft.com/office/officeart/2005/8/layout/cycle4"/>
    <dgm:cxn modelId="{1D1ABEF9-CE9E-46B3-9D92-693A91A50355}" srcId="{97D5C633-81AA-40F5-B5EE-C56223904771}" destId="{B02D6D8C-3D2A-41BE-B21F-B686C46FE74B}" srcOrd="1" destOrd="0" parTransId="{2BACF0F8-54B4-407E-9B57-630F83C20264}" sibTransId="{09F08AAB-549F-4D20-AC98-E5F1131CD14C}"/>
    <dgm:cxn modelId="{D47F35B4-EDB4-4361-A0C4-A3226599079F}" type="presParOf" srcId="{4EB6EE12-6F17-44C2-982C-B6D6EE0457BF}" destId="{6D4D17F1-CC79-4C57-8FF2-D949ADEC2F3A}" srcOrd="0" destOrd="0" presId="urn:microsoft.com/office/officeart/2005/8/layout/cycle4"/>
    <dgm:cxn modelId="{78440C7C-86AA-48C2-AC88-021CDFB03270}" type="presParOf" srcId="{6D4D17F1-CC79-4C57-8FF2-D949ADEC2F3A}" destId="{F0654CFF-B2ED-48FE-BDB0-2479C7EA94FE}" srcOrd="0" destOrd="0" presId="urn:microsoft.com/office/officeart/2005/8/layout/cycle4"/>
    <dgm:cxn modelId="{89AAAD49-8CA2-40B8-BB6F-02CF21C46952}" type="presParOf" srcId="{F0654CFF-B2ED-48FE-BDB0-2479C7EA94FE}" destId="{3A0E0EB5-6886-413C-8557-B41DB27CB8C2}" srcOrd="0" destOrd="0" presId="urn:microsoft.com/office/officeart/2005/8/layout/cycle4"/>
    <dgm:cxn modelId="{BCBAD9F6-8EEC-4E44-80B3-7F4FBBE3C1A1}" type="presParOf" srcId="{F0654CFF-B2ED-48FE-BDB0-2479C7EA94FE}" destId="{1112A723-96FD-4F74-8977-0DD5C45BAD34}" srcOrd="1" destOrd="0" presId="urn:microsoft.com/office/officeart/2005/8/layout/cycle4"/>
    <dgm:cxn modelId="{12F408BF-6F0D-4606-953D-30AEC9890C6C}" type="presParOf" srcId="{6D4D17F1-CC79-4C57-8FF2-D949ADEC2F3A}" destId="{2FADD92B-62EB-4474-A953-3C0A0B62A654}" srcOrd="1" destOrd="0" presId="urn:microsoft.com/office/officeart/2005/8/layout/cycle4"/>
    <dgm:cxn modelId="{66CE8319-A271-4D80-805F-450185763F47}" type="presParOf" srcId="{2FADD92B-62EB-4474-A953-3C0A0B62A654}" destId="{39F821B7-9D46-4A79-BF21-39F834E8235F}" srcOrd="0" destOrd="0" presId="urn:microsoft.com/office/officeart/2005/8/layout/cycle4"/>
    <dgm:cxn modelId="{84B4394F-1FC5-43A0-99D4-9D6A60616F3D}" type="presParOf" srcId="{2FADD92B-62EB-4474-A953-3C0A0B62A654}" destId="{02235E20-BB7A-478E-9D3F-2F3AC6AAA18F}" srcOrd="1" destOrd="0" presId="urn:microsoft.com/office/officeart/2005/8/layout/cycle4"/>
    <dgm:cxn modelId="{14443417-D9B4-4814-A262-3B04C7D238C0}" type="presParOf" srcId="{6D4D17F1-CC79-4C57-8FF2-D949ADEC2F3A}" destId="{0B43DC90-F10E-4987-AA76-46BCBC9C8981}" srcOrd="2" destOrd="0" presId="urn:microsoft.com/office/officeart/2005/8/layout/cycle4"/>
    <dgm:cxn modelId="{0F7A15A6-FE8A-4C81-810A-7BF4FB9AC8B1}" type="presParOf" srcId="{0B43DC90-F10E-4987-AA76-46BCBC9C8981}" destId="{DA62B72D-FB4E-4B0D-8AF0-EB2CCD54B513}" srcOrd="0" destOrd="0" presId="urn:microsoft.com/office/officeart/2005/8/layout/cycle4"/>
    <dgm:cxn modelId="{4DF9ADD6-7421-490A-B9BF-B207C5AC4BB2}" type="presParOf" srcId="{0B43DC90-F10E-4987-AA76-46BCBC9C8981}" destId="{2988464F-19CF-4843-9CE6-1A878DE1462B}" srcOrd="1" destOrd="0" presId="urn:microsoft.com/office/officeart/2005/8/layout/cycle4"/>
    <dgm:cxn modelId="{808B503B-C0E7-4014-BD46-602FCD05B39A}" type="presParOf" srcId="{6D4D17F1-CC79-4C57-8FF2-D949ADEC2F3A}" destId="{E43FCE88-2009-4D6B-BB58-6000DEABD224}" srcOrd="3" destOrd="0" presId="urn:microsoft.com/office/officeart/2005/8/layout/cycle4"/>
    <dgm:cxn modelId="{28ECDA18-1AAF-4674-BA6A-57ABC8CE3B14}" type="presParOf" srcId="{E43FCE88-2009-4D6B-BB58-6000DEABD224}" destId="{89D0A210-D63B-4518-90DB-88C21B05268D}" srcOrd="0" destOrd="0" presId="urn:microsoft.com/office/officeart/2005/8/layout/cycle4"/>
    <dgm:cxn modelId="{4FC9D1A6-2829-4E81-9A4E-DE3CBA0F610E}" type="presParOf" srcId="{E43FCE88-2009-4D6B-BB58-6000DEABD224}" destId="{DCFDE436-4612-40BC-BF3E-C7C4059878B2}" srcOrd="1" destOrd="0" presId="urn:microsoft.com/office/officeart/2005/8/layout/cycle4"/>
    <dgm:cxn modelId="{4BC34CF4-164C-434E-BDA5-3029076A3043}" type="presParOf" srcId="{6D4D17F1-CC79-4C57-8FF2-D949ADEC2F3A}" destId="{DBF7FBC6-3DEE-46D3-B42B-A7E4E8BE7531}" srcOrd="4" destOrd="0" presId="urn:microsoft.com/office/officeart/2005/8/layout/cycle4"/>
    <dgm:cxn modelId="{42642295-E6BE-447E-A171-B607F7B691E2}" type="presParOf" srcId="{4EB6EE12-6F17-44C2-982C-B6D6EE0457BF}" destId="{E97D2672-C805-49BA-9F99-B9A214B58ABA}" srcOrd="1" destOrd="0" presId="urn:microsoft.com/office/officeart/2005/8/layout/cycle4"/>
    <dgm:cxn modelId="{BFE99485-979C-4628-9DDF-3BCAE115FAC6}" type="presParOf" srcId="{E97D2672-C805-49BA-9F99-B9A214B58ABA}" destId="{62582212-3FA2-4B8B-9ADA-A9B2435718C1}" srcOrd="0" destOrd="0" presId="urn:microsoft.com/office/officeart/2005/8/layout/cycle4"/>
    <dgm:cxn modelId="{D2416314-5DC1-4003-B4F3-5BA6866786C9}" type="presParOf" srcId="{E97D2672-C805-49BA-9F99-B9A214B58ABA}" destId="{D1F20547-AB51-4D53-B6E3-05233DA54119}" srcOrd="1" destOrd="0" presId="urn:microsoft.com/office/officeart/2005/8/layout/cycle4"/>
    <dgm:cxn modelId="{A5FEBBBC-85DA-442B-89D1-E8B039F77F2E}" type="presParOf" srcId="{E97D2672-C805-49BA-9F99-B9A214B58ABA}" destId="{DF51261D-F7D6-4884-9F1F-C48F882D18E9}" srcOrd="2" destOrd="0" presId="urn:microsoft.com/office/officeart/2005/8/layout/cycle4"/>
    <dgm:cxn modelId="{866608DC-A551-44EF-B60F-64BF4F5597C8}" type="presParOf" srcId="{E97D2672-C805-49BA-9F99-B9A214B58ABA}" destId="{437C59A2-2C2B-4CDB-9ADB-A1F04908C95D}" srcOrd="3" destOrd="0" presId="urn:microsoft.com/office/officeart/2005/8/layout/cycle4"/>
    <dgm:cxn modelId="{D266F623-80AD-4B87-B1EF-7F51ECAE09A0}" type="presParOf" srcId="{E97D2672-C805-49BA-9F99-B9A214B58ABA}" destId="{C1396FCB-438C-4D80-9CB9-254AF87A0649}" srcOrd="4" destOrd="0" presId="urn:microsoft.com/office/officeart/2005/8/layout/cycle4"/>
    <dgm:cxn modelId="{A8FAAEDA-C158-4CBB-8532-CF0F575E0D98}" type="presParOf" srcId="{4EB6EE12-6F17-44C2-982C-B6D6EE0457BF}" destId="{762E5A34-08B5-43F4-8FF3-A0C1D9D000BE}" srcOrd="2" destOrd="0" presId="urn:microsoft.com/office/officeart/2005/8/layout/cycle4"/>
    <dgm:cxn modelId="{13BAADAC-0A56-4E19-AE19-C28A84837F6D}" type="presParOf" srcId="{4EB6EE12-6F17-44C2-982C-B6D6EE0457BF}" destId="{F678674A-44A1-4D12-884F-0702E608FCF1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1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97D5C633-81AA-40F5-B5EE-C56223904771}" type="doc">
      <dgm:prSet loTypeId="urn:microsoft.com/office/officeart/2005/8/layout/cycle4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cs-CZ"/>
        </a:p>
      </dgm:t>
    </dgm:pt>
    <dgm:pt modelId="{B2616592-E4E8-42ED-938D-6690DB9759C7}">
      <dgm:prSet phldrT="[Text]" custT="1"/>
      <dgm:spPr>
        <a:solidFill>
          <a:schemeClr val="accent6"/>
        </a:solidFill>
      </dgm:spPr>
      <dgm:t>
        <a:bodyPr/>
        <a:lstStyle/>
        <a:p>
          <a:r>
            <a:rPr lang="cs-CZ" sz="1000" dirty="0" err="1"/>
            <a:t>Strengths</a:t>
          </a:r>
          <a:endParaRPr lang="cs-CZ" sz="1000" dirty="0"/>
        </a:p>
      </dgm:t>
    </dgm:pt>
    <dgm:pt modelId="{82A7AE8E-0601-43E8-A942-57368BC8103C}" type="parTrans" cxnId="{31203D3D-C882-4D4A-9D3B-078447275EF9}">
      <dgm:prSet/>
      <dgm:spPr/>
      <dgm:t>
        <a:bodyPr/>
        <a:lstStyle/>
        <a:p>
          <a:endParaRPr lang="cs-CZ"/>
        </a:p>
      </dgm:t>
    </dgm:pt>
    <dgm:pt modelId="{01434AF6-3F1A-4A9F-98F0-A357CE187EEE}" type="sibTrans" cxnId="{31203D3D-C882-4D4A-9D3B-078447275EF9}">
      <dgm:prSet/>
      <dgm:spPr/>
      <dgm:t>
        <a:bodyPr/>
        <a:lstStyle/>
        <a:p>
          <a:endParaRPr lang="cs-CZ"/>
        </a:p>
      </dgm:t>
    </dgm:pt>
    <dgm:pt modelId="{82E302EA-8892-41A6-8EC3-61A73E65AD51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>
              <a:latin typeface="Arial Black" panose="020B0A04020102020204" pitchFamily="34" charset="0"/>
            </a:rPr>
            <a:t>Slovak interest in the international cooperation</a:t>
          </a:r>
        </a:p>
      </dgm:t>
    </dgm:pt>
    <dgm:pt modelId="{3059BC5C-A9A2-4C85-ACCD-8AD85AB32D03}" type="parTrans" cxnId="{857C6EF5-E489-4D50-8913-96AB6EB401A7}">
      <dgm:prSet/>
      <dgm:spPr/>
      <dgm:t>
        <a:bodyPr/>
        <a:lstStyle/>
        <a:p>
          <a:endParaRPr lang="cs-CZ"/>
        </a:p>
      </dgm:t>
    </dgm:pt>
    <dgm:pt modelId="{4C8B43B5-BCCA-4D98-A575-CA6EABB23DE7}" type="sibTrans" cxnId="{857C6EF5-E489-4D50-8913-96AB6EB401A7}">
      <dgm:prSet/>
      <dgm:spPr/>
      <dgm:t>
        <a:bodyPr/>
        <a:lstStyle/>
        <a:p>
          <a:endParaRPr lang="cs-CZ"/>
        </a:p>
      </dgm:t>
    </dgm:pt>
    <dgm:pt modelId="{B02D6D8C-3D2A-41BE-B21F-B686C46FE74B}">
      <dgm:prSet phldrT="[Text]" custT="1"/>
      <dgm:spPr>
        <a:solidFill>
          <a:schemeClr val="accent2"/>
        </a:solidFill>
      </dgm:spPr>
      <dgm:t>
        <a:bodyPr/>
        <a:lstStyle/>
        <a:p>
          <a:r>
            <a:rPr lang="cs-CZ" sz="1000" dirty="0" err="1"/>
            <a:t>Weaknesses</a:t>
          </a:r>
          <a:endParaRPr lang="cs-CZ" sz="1000" dirty="0"/>
        </a:p>
      </dgm:t>
    </dgm:pt>
    <dgm:pt modelId="{2BACF0F8-54B4-407E-9B57-630F83C20264}" type="parTrans" cxnId="{1D1ABEF9-CE9E-46B3-9D92-693A91A50355}">
      <dgm:prSet/>
      <dgm:spPr/>
      <dgm:t>
        <a:bodyPr/>
        <a:lstStyle/>
        <a:p>
          <a:endParaRPr lang="cs-CZ"/>
        </a:p>
      </dgm:t>
    </dgm:pt>
    <dgm:pt modelId="{09F08AAB-549F-4D20-AC98-E5F1131CD14C}" type="sibTrans" cxnId="{1D1ABEF9-CE9E-46B3-9D92-693A91A50355}">
      <dgm:prSet/>
      <dgm:spPr/>
      <dgm:t>
        <a:bodyPr/>
        <a:lstStyle/>
        <a:p>
          <a:endParaRPr lang="cs-CZ"/>
        </a:p>
      </dgm:t>
    </dgm:pt>
    <dgm:pt modelId="{79DA3441-6436-4920-A5B3-B44CEF12B5BD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>
              <a:latin typeface="Arial Black" panose="020B0A04020102020204" pitchFamily="34" charset="0"/>
            </a:rPr>
            <a:t>Austria</a:t>
          </a:r>
        </a:p>
      </dgm:t>
    </dgm:pt>
    <dgm:pt modelId="{2ED3D790-ADDC-4CB3-A516-668CFD93CE1C}" type="parTrans" cxnId="{EBE3ED17-7979-48C2-BC52-55548369268E}">
      <dgm:prSet/>
      <dgm:spPr/>
      <dgm:t>
        <a:bodyPr/>
        <a:lstStyle/>
        <a:p>
          <a:endParaRPr lang="cs-CZ"/>
        </a:p>
      </dgm:t>
    </dgm:pt>
    <dgm:pt modelId="{B3AC1EA6-53FE-46C9-A031-9403333B4EA9}" type="sibTrans" cxnId="{EBE3ED17-7979-48C2-BC52-55548369268E}">
      <dgm:prSet/>
      <dgm:spPr/>
      <dgm:t>
        <a:bodyPr/>
        <a:lstStyle/>
        <a:p>
          <a:endParaRPr lang="cs-CZ"/>
        </a:p>
      </dgm:t>
    </dgm:pt>
    <dgm:pt modelId="{5C5ABB0A-99C8-4FFB-BCB1-502B8605C112}">
      <dgm:prSet phldrT="[Text]" custT="1"/>
      <dgm:spPr>
        <a:solidFill>
          <a:srgbClr val="FF0000"/>
        </a:solidFill>
      </dgm:spPr>
      <dgm:t>
        <a:bodyPr/>
        <a:lstStyle/>
        <a:p>
          <a:r>
            <a:rPr lang="cs-CZ" sz="1000" dirty="0" err="1"/>
            <a:t>Threats</a:t>
          </a:r>
          <a:endParaRPr lang="cs-CZ" sz="1000" dirty="0"/>
        </a:p>
      </dgm:t>
    </dgm:pt>
    <dgm:pt modelId="{D5CE0FB5-F706-4D45-8735-7CC3F9CD1457}" type="parTrans" cxnId="{93B3756A-91B3-4E91-89A0-25DCB83F7DB6}">
      <dgm:prSet/>
      <dgm:spPr/>
      <dgm:t>
        <a:bodyPr/>
        <a:lstStyle/>
        <a:p>
          <a:endParaRPr lang="cs-CZ"/>
        </a:p>
      </dgm:t>
    </dgm:pt>
    <dgm:pt modelId="{4041CC94-01F6-487D-8284-7A8F2E1BBE9E}" type="sibTrans" cxnId="{93B3756A-91B3-4E91-89A0-25DCB83F7DB6}">
      <dgm:prSet/>
      <dgm:spPr/>
      <dgm:t>
        <a:bodyPr/>
        <a:lstStyle/>
        <a:p>
          <a:endParaRPr lang="cs-CZ"/>
        </a:p>
      </dgm:t>
    </dgm:pt>
    <dgm:pt modelId="{DF09A6CB-A569-484C-814D-451340DDC64A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/>
        <a:lstStyle/>
        <a:p>
          <a:r>
            <a:rPr lang="en-GB" sz="1000" noProof="0" dirty="0">
              <a:latin typeface="Arial Black" panose="020B0A04020102020204" pitchFamily="34" charset="0"/>
            </a:rPr>
            <a:t>NGOs</a:t>
          </a:r>
        </a:p>
      </dgm:t>
    </dgm:pt>
    <dgm:pt modelId="{5E231AEB-783E-4072-BD0C-10E1F82938D6}" type="parTrans" cxnId="{FB6EE567-C908-436E-93FC-EFED7A9C8244}">
      <dgm:prSet/>
      <dgm:spPr/>
      <dgm:t>
        <a:bodyPr/>
        <a:lstStyle/>
        <a:p>
          <a:endParaRPr lang="cs-CZ"/>
        </a:p>
      </dgm:t>
    </dgm:pt>
    <dgm:pt modelId="{D8FDA8DA-AF33-451C-BB96-3541BEAC7ED8}" type="sibTrans" cxnId="{FB6EE567-C908-436E-93FC-EFED7A9C8244}">
      <dgm:prSet/>
      <dgm:spPr/>
      <dgm:t>
        <a:bodyPr/>
        <a:lstStyle/>
        <a:p>
          <a:endParaRPr lang="cs-CZ"/>
        </a:p>
      </dgm:t>
    </dgm:pt>
    <dgm:pt modelId="{A0AB9B2C-8440-413E-AD25-65ABE5160E27}">
      <dgm:prSet phldrT="[Text]" custT="1"/>
      <dgm:spPr>
        <a:solidFill>
          <a:srgbClr val="E127C6"/>
        </a:solidFill>
      </dgm:spPr>
      <dgm:t>
        <a:bodyPr/>
        <a:lstStyle/>
        <a:p>
          <a:r>
            <a:rPr lang="cs-CZ" sz="1000" dirty="0" err="1"/>
            <a:t>Opportunities</a:t>
          </a:r>
          <a:endParaRPr lang="cs-CZ" sz="1000" dirty="0"/>
        </a:p>
      </dgm:t>
    </dgm:pt>
    <dgm:pt modelId="{9C79E66F-B03F-444B-976D-170FC26AF58B}" type="parTrans" cxnId="{31B0ADBE-80C5-4A31-AD67-350FC9560B3D}">
      <dgm:prSet/>
      <dgm:spPr/>
      <dgm:t>
        <a:bodyPr/>
        <a:lstStyle/>
        <a:p>
          <a:endParaRPr lang="cs-CZ"/>
        </a:p>
      </dgm:t>
    </dgm:pt>
    <dgm:pt modelId="{944E4E08-3758-403C-9158-3C744108564A}" type="sibTrans" cxnId="{31B0ADBE-80C5-4A31-AD67-350FC9560B3D}">
      <dgm:prSet/>
      <dgm:spPr/>
      <dgm:t>
        <a:bodyPr/>
        <a:lstStyle/>
        <a:p>
          <a:endParaRPr lang="cs-CZ"/>
        </a:p>
      </dgm:t>
    </dgm:pt>
    <dgm:pt modelId="{9FEF4D9E-2BE4-4D8B-A221-8C6F25D221E5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 anchor="ctr"/>
        <a:lstStyle/>
        <a:p>
          <a:pPr algn="l"/>
          <a:r>
            <a:rPr lang="en-GB" sz="1000" noProof="0" dirty="0">
              <a:latin typeface="Arial Black" panose="020B0A04020102020204" pitchFamily="34" charset="0"/>
            </a:rPr>
            <a:t>Positive results of the Feasibility study for the Danube-branch</a:t>
          </a:r>
        </a:p>
      </dgm:t>
    </dgm:pt>
    <dgm:pt modelId="{9C3692D3-BCDA-46E5-987B-622E43A7E185}" type="parTrans" cxnId="{D22FED3E-CB04-4A90-A291-1D2C5C02D7C2}">
      <dgm:prSet/>
      <dgm:spPr/>
      <dgm:t>
        <a:bodyPr/>
        <a:lstStyle/>
        <a:p>
          <a:endParaRPr lang="cs-CZ"/>
        </a:p>
      </dgm:t>
    </dgm:pt>
    <dgm:pt modelId="{E3337C67-92F8-4FE1-9C5C-CE2587A04C9F}" type="sibTrans" cxnId="{D22FED3E-CB04-4A90-A291-1D2C5C02D7C2}">
      <dgm:prSet/>
      <dgm:spPr/>
      <dgm:t>
        <a:bodyPr/>
        <a:lstStyle/>
        <a:p>
          <a:endParaRPr lang="cs-CZ"/>
        </a:p>
      </dgm:t>
    </dgm:pt>
    <dgm:pt modelId="{9F0488CB-72FA-4CAD-ACFC-5BB0F9F21902}">
      <dgm:prSet phldrT="[Text]" custT="1"/>
      <dgm:spPr>
        <a:solidFill>
          <a:schemeClr val="lt1">
            <a:hueOff val="0"/>
            <a:satOff val="0"/>
            <a:lumOff val="0"/>
            <a:alpha val="0"/>
          </a:schemeClr>
        </a:solidFill>
      </dgm:spPr>
      <dgm:t>
        <a:bodyPr anchor="ctr"/>
        <a:lstStyle/>
        <a:p>
          <a:pPr algn="l"/>
          <a:r>
            <a:rPr lang="en-GB" sz="1000" noProof="0" dirty="0">
              <a:latin typeface="Arial Black" panose="020B0A04020102020204" pitchFamily="34" charset="0"/>
            </a:rPr>
            <a:t>Possible connection directly from Morava to Vah passing the Austrian territory </a:t>
          </a:r>
        </a:p>
      </dgm:t>
    </dgm:pt>
    <dgm:pt modelId="{B34A4381-E9D7-44F8-B6E8-D24C02F936C3}" type="parTrans" cxnId="{3CCFED31-86FB-4DB3-9D82-754CAAFD448F}">
      <dgm:prSet/>
      <dgm:spPr/>
      <dgm:t>
        <a:bodyPr/>
        <a:lstStyle/>
        <a:p>
          <a:endParaRPr lang="cs-CZ"/>
        </a:p>
      </dgm:t>
    </dgm:pt>
    <dgm:pt modelId="{DDEDD9EF-E611-4C97-9C7D-28ABE9777A34}" type="sibTrans" cxnId="{3CCFED31-86FB-4DB3-9D82-754CAAFD448F}">
      <dgm:prSet/>
      <dgm:spPr/>
      <dgm:t>
        <a:bodyPr/>
        <a:lstStyle/>
        <a:p>
          <a:endParaRPr lang="cs-CZ"/>
        </a:p>
      </dgm:t>
    </dgm:pt>
    <dgm:pt modelId="{4EB6EE12-6F17-44C2-982C-B6D6EE0457BF}" type="pres">
      <dgm:prSet presAssocID="{97D5C633-81AA-40F5-B5EE-C56223904771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</dgm:pt>
    <dgm:pt modelId="{6D4D17F1-CC79-4C57-8FF2-D949ADEC2F3A}" type="pres">
      <dgm:prSet presAssocID="{97D5C633-81AA-40F5-B5EE-C56223904771}" presName="children" presStyleCnt="0"/>
      <dgm:spPr/>
    </dgm:pt>
    <dgm:pt modelId="{F0654CFF-B2ED-48FE-BDB0-2479C7EA94FE}" type="pres">
      <dgm:prSet presAssocID="{97D5C633-81AA-40F5-B5EE-C56223904771}" presName="child1group" presStyleCnt="0"/>
      <dgm:spPr/>
    </dgm:pt>
    <dgm:pt modelId="{3A0E0EB5-6886-413C-8557-B41DB27CB8C2}" type="pres">
      <dgm:prSet presAssocID="{97D5C633-81AA-40F5-B5EE-C56223904771}" presName="child1" presStyleLbl="bgAcc1" presStyleIdx="0" presStyleCnt="4" custScaleX="156886" custScaleY="76486" custLinFactNeighborX="-1268" custLinFactNeighborY="9653"/>
      <dgm:spPr/>
    </dgm:pt>
    <dgm:pt modelId="{1112A723-96FD-4F74-8977-0DD5C45BAD34}" type="pres">
      <dgm:prSet presAssocID="{97D5C633-81AA-40F5-B5EE-C56223904771}" presName="child1Text" presStyleLbl="bgAcc1" presStyleIdx="0" presStyleCnt="4">
        <dgm:presLayoutVars>
          <dgm:bulletEnabled val="1"/>
        </dgm:presLayoutVars>
      </dgm:prSet>
      <dgm:spPr/>
    </dgm:pt>
    <dgm:pt modelId="{2FADD92B-62EB-4474-A953-3C0A0B62A654}" type="pres">
      <dgm:prSet presAssocID="{97D5C633-81AA-40F5-B5EE-C56223904771}" presName="child2group" presStyleCnt="0"/>
      <dgm:spPr/>
    </dgm:pt>
    <dgm:pt modelId="{39F821B7-9D46-4A79-BF21-39F834E8235F}" type="pres">
      <dgm:prSet presAssocID="{97D5C633-81AA-40F5-B5EE-C56223904771}" presName="child2" presStyleLbl="bgAcc1" presStyleIdx="1" presStyleCnt="4" custScaleX="115669" custScaleY="82765" custLinFactNeighborX="-23452" custLinFactNeighborY="34247"/>
      <dgm:spPr/>
    </dgm:pt>
    <dgm:pt modelId="{02235E20-BB7A-478E-9D3F-2F3AC6AAA18F}" type="pres">
      <dgm:prSet presAssocID="{97D5C633-81AA-40F5-B5EE-C56223904771}" presName="child2Text" presStyleLbl="bgAcc1" presStyleIdx="1" presStyleCnt="4">
        <dgm:presLayoutVars>
          <dgm:bulletEnabled val="1"/>
        </dgm:presLayoutVars>
      </dgm:prSet>
      <dgm:spPr/>
    </dgm:pt>
    <dgm:pt modelId="{0B43DC90-F10E-4987-AA76-46BCBC9C8981}" type="pres">
      <dgm:prSet presAssocID="{97D5C633-81AA-40F5-B5EE-C56223904771}" presName="child3group" presStyleCnt="0"/>
      <dgm:spPr/>
    </dgm:pt>
    <dgm:pt modelId="{DA62B72D-FB4E-4B0D-8AF0-EB2CCD54B513}" type="pres">
      <dgm:prSet presAssocID="{97D5C633-81AA-40F5-B5EE-C56223904771}" presName="child3" presStyleLbl="bgAcc1" presStyleIdx="2" presStyleCnt="4" custScaleX="123286" custScaleY="34539" custLinFactNeighborX="-19245" custLinFactNeighborY="9867"/>
      <dgm:spPr/>
    </dgm:pt>
    <dgm:pt modelId="{2988464F-19CF-4843-9CE6-1A878DE1462B}" type="pres">
      <dgm:prSet presAssocID="{97D5C633-81AA-40F5-B5EE-C56223904771}" presName="child3Text" presStyleLbl="bgAcc1" presStyleIdx="2" presStyleCnt="4">
        <dgm:presLayoutVars>
          <dgm:bulletEnabled val="1"/>
        </dgm:presLayoutVars>
      </dgm:prSet>
      <dgm:spPr/>
    </dgm:pt>
    <dgm:pt modelId="{E43FCE88-2009-4D6B-BB58-6000DEABD224}" type="pres">
      <dgm:prSet presAssocID="{97D5C633-81AA-40F5-B5EE-C56223904771}" presName="child4group" presStyleCnt="0"/>
      <dgm:spPr/>
    </dgm:pt>
    <dgm:pt modelId="{89D0A210-D63B-4518-90DB-88C21B05268D}" type="pres">
      <dgm:prSet presAssocID="{97D5C633-81AA-40F5-B5EE-C56223904771}" presName="child4" presStyleLbl="bgAcc1" presStyleIdx="3" presStyleCnt="4" custScaleX="161399" custScaleY="221979" custLinFactNeighborX="-2574" custLinFactNeighborY="-22044"/>
      <dgm:spPr/>
    </dgm:pt>
    <dgm:pt modelId="{DCFDE436-4612-40BC-BF3E-C7C4059878B2}" type="pres">
      <dgm:prSet presAssocID="{97D5C633-81AA-40F5-B5EE-C56223904771}" presName="child4Text" presStyleLbl="bgAcc1" presStyleIdx="3" presStyleCnt="4">
        <dgm:presLayoutVars>
          <dgm:bulletEnabled val="1"/>
        </dgm:presLayoutVars>
      </dgm:prSet>
      <dgm:spPr/>
    </dgm:pt>
    <dgm:pt modelId="{DBF7FBC6-3DEE-46D3-B42B-A7E4E8BE7531}" type="pres">
      <dgm:prSet presAssocID="{97D5C633-81AA-40F5-B5EE-C56223904771}" presName="childPlaceholder" presStyleCnt="0"/>
      <dgm:spPr/>
    </dgm:pt>
    <dgm:pt modelId="{E97D2672-C805-49BA-9F99-B9A214B58ABA}" type="pres">
      <dgm:prSet presAssocID="{97D5C633-81AA-40F5-B5EE-C56223904771}" presName="circle" presStyleCnt="0"/>
      <dgm:spPr/>
    </dgm:pt>
    <dgm:pt modelId="{62582212-3FA2-4B8B-9ADA-A9B2435718C1}" type="pres">
      <dgm:prSet presAssocID="{97D5C633-81AA-40F5-B5EE-C56223904771}" presName="quadrant1" presStyleLbl="node1" presStyleIdx="0" presStyleCnt="4" custScaleX="65641" custScaleY="62429" custLinFactNeighborX="21382" custLinFactNeighborY="19700">
        <dgm:presLayoutVars>
          <dgm:chMax val="1"/>
          <dgm:bulletEnabled val="1"/>
        </dgm:presLayoutVars>
      </dgm:prSet>
      <dgm:spPr/>
    </dgm:pt>
    <dgm:pt modelId="{D1F20547-AB51-4D53-B6E3-05233DA54119}" type="pres">
      <dgm:prSet presAssocID="{97D5C633-81AA-40F5-B5EE-C56223904771}" presName="quadrant2" presStyleLbl="node1" presStyleIdx="1" presStyleCnt="4" custScaleX="65641" custScaleY="62429" custLinFactNeighborX="-18855" custLinFactNeighborY="18977">
        <dgm:presLayoutVars>
          <dgm:chMax val="1"/>
          <dgm:bulletEnabled val="1"/>
        </dgm:presLayoutVars>
      </dgm:prSet>
      <dgm:spPr/>
    </dgm:pt>
    <dgm:pt modelId="{DF51261D-F7D6-4884-9F1F-C48F882D18E9}" type="pres">
      <dgm:prSet presAssocID="{97D5C633-81AA-40F5-B5EE-C56223904771}" presName="quadrant3" presStyleLbl="node1" presStyleIdx="2" presStyleCnt="4" custScaleX="65641" custScaleY="62429" custLinFactNeighborX="-18132" custLinFactNeighborY="-23121">
        <dgm:presLayoutVars>
          <dgm:chMax val="1"/>
          <dgm:bulletEnabled val="1"/>
        </dgm:presLayoutVars>
      </dgm:prSet>
      <dgm:spPr/>
    </dgm:pt>
    <dgm:pt modelId="{437C59A2-2C2B-4CDB-9ADB-A1F04908C95D}" type="pres">
      <dgm:prSet presAssocID="{97D5C633-81AA-40F5-B5EE-C56223904771}" presName="quadrant4" presStyleLbl="node1" presStyleIdx="3" presStyleCnt="4" custScaleX="65641" custScaleY="62429" custLinFactNeighborX="21382" custLinFactNeighborY="-22324">
        <dgm:presLayoutVars>
          <dgm:chMax val="1"/>
          <dgm:bulletEnabled val="1"/>
        </dgm:presLayoutVars>
      </dgm:prSet>
      <dgm:spPr/>
    </dgm:pt>
    <dgm:pt modelId="{C1396FCB-438C-4D80-9CB9-254AF87A0649}" type="pres">
      <dgm:prSet presAssocID="{97D5C633-81AA-40F5-B5EE-C56223904771}" presName="quadrantPlaceholder" presStyleCnt="0"/>
      <dgm:spPr/>
    </dgm:pt>
    <dgm:pt modelId="{762E5A34-08B5-43F4-8FF3-A0C1D9D000BE}" type="pres">
      <dgm:prSet presAssocID="{97D5C633-81AA-40F5-B5EE-C56223904771}" presName="center1" presStyleLbl="fgShp" presStyleIdx="0" presStyleCnt="2"/>
      <dgm:spPr/>
    </dgm:pt>
    <dgm:pt modelId="{F678674A-44A1-4D12-884F-0702E608FCF1}" type="pres">
      <dgm:prSet presAssocID="{97D5C633-81AA-40F5-B5EE-C56223904771}" presName="center2" presStyleLbl="fgShp" presStyleIdx="1" presStyleCnt="2"/>
      <dgm:spPr/>
    </dgm:pt>
  </dgm:ptLst>
  <dgm:cxnLst>
    <dgm:cxn modelId="{74A27012-385A-4DE9-AC91-A12F582D9B00}" type="presOf" srcId="{82E302EA-8892-41A6-8EC3-61A73E65AD51}" destId="{3A0E0EB5-6886-413C-8557-B41DB27CB8C2}" srcOrd="0" destOrd="0" presId="urn:microsoft.com/office/officeart/2005/8/layout/cycle4"/>
    <dgm:cxn modelId="{EBE3ED17-7979-48C2-BC52-55548369268E}" srcId="{B02D6D8C-3D2A-41BE-B21F-B686C46FE74B}" destId="{79DA3441-6436-4920-A5B3-B44CEF12B5BD}" srcOrd="0" destOrd="0" parTransId="{2ED3D790-ADDC-4CB3-A516-668CFD93CE1C}" sibTransId="{B3AC1EA6-53FE-46C9-A031-9403333B4EA9}"/>
    <dgm:cxn modelId="{3005A21D-1B4D-488D-98AF-2244A25B57B9}" type="presOf" srcId="{97D5C633-81AA-40F5-B5EE-C56223904771}" destId="{4EB6EE12-6F17-44C2-982C-B6D6EE0457BF}" srcOrd="0" destOrd="0" presId="urn:microsoft.com/office/officeart/2005/8/layout/cycle4"/>
    <dgm:cxn modelId="{3CCFED31-86FB-4DB3-9D82-754CAAFD448F}" srcId="{A0AB9B2C-8440-413E-AD25-65ABE5160E27}" destId="{9F0488CB-72FA-4CAD-ACFC-5BB0F9F21902}" srcOrd="1" destOrd="0" parTransId="{B34A4381-E9D7-44F8-B6E8-D24C02F936C3}" sibTransId="{DDEDD9EF-E611-4C97-9C7D-28ABE9777A34}"/>
    <dgm:cxn modelId="{31203D3D-C882-4D4A-9D3B-078447275EF9}" srcId="{97D5C633-81AA-40F5-B5EE-C56223904771}" destId="{B2616592-E4E8-42ED-938D-6690DB9759C7}" srcOrd="0" destOrd="0" parTransId="{82A7AE8E-0601-43E8-A942-57368BC8103C}" sibTransId="{01434AF6-3F1A-4A9F-98F0-A357CE187EEE}"/>
    <dgm:cxn modelId="{D22FED3E-CB04-4A90-A291-1D2C5C02D7C2}" srcId="{A0AB9B2C-8440-413E-AD25-65ABE5160E27}" destId="{9FEF4D9E-2BE4-4D8B-A221-8C6F25D221E5}" srcOrd="0" destOrd="0" parTransId="{9C3692D3-BCDA-46E5-987B-622E43A7E185}" sibTransId="{E3337C67-92F8-4FE1-9C5C-CE2587A04C9F}"/>
    <dgm:cxn modelId="{FB6EE567-C908-436E-93FC-EFED7A9C8244}" srcId="{5C5ABB0A-99C8-4FFB-BCB1-502B8605C112}" destId="{DF09A6CB-A569-484C-814D-451340DDC64A}" srcOrd="0" destOrd="0" parTransId="{5E231AEB-783E-4072-BD0C-10E1F82938D6}" sibTransId="{D8FDA8DA-AF33-451C-BB96-3541BEAC7ED8}"/>
    <dgm:cxn modelId="{93B3756A-91B3-4E91-89A0-25DCB83F7DB6}" srcId="{97D5C633-81AA-40F5-B5EE-C56223904771}" destId="{5C5ABB0A-99C8-4FFB-BCB1-502B8605C112}" srcOrd="2" destOrd="0" parTransId="{D5CE0FB5-F706-4D45-8735-7CC3F9CD1457}" sibTransId="{4041CC94-01F6-487D-8284-7A8F2E1BBE9E}"/>
    <dgm:cxn modelId="{1617964F-6D78-45FA-8A89-0C9766AF9B99}" type="presOf" srcId="{9FEF4D9E-2BE4-4D8B-A221-8C6F25D221E5}" destId="{DCFDE436-4612-40BC-BF3E-C7C4059878B2}" srcOrd="1" destOrd="0" presId="urn:microsoft.com/office/officeart/2005/8/layout/cycle4"/>
    <dgm:cxn modelId="{A8F3BA72-8209-48FD-80F0-DF961DBA81D3}" type="presOf" srcId="{9FEF4D9E-2BE4-4D8B-A221-8C6F25D221E5}" destId="{89D0A210-D63B-4518-90DB-88C21B05268D}" srcOrd="0" destOrd="0" presId="urn:microsoft.com/office/officeart/2005/8/layout/cycle4"/>
    <dgm:cxn modelId="{5EF75F75-AD4D-400D-95B8-9034DB719169}" type="presOf" srcId="{79DA3441-6436-4920-A5B3-B44CEF12B5BD}" destId="{02235E20-BB7A-478E-9D3F-2F3AC6AAA18F}" srcOrd="1" destOrd="0" presId="urn:microsoft.com/office/officeart/2005/8/layout/cycle4"/>
    <dgm:cxn modelId="{12D61C78-D842-46D9-97E1-8408579645F2}" type="presOf" srcId="{82E302EA-8892-41A6-8EC3-61A73E65AD51}" destId="{1112A723-96FD-4F74-8977-0DD5C45BAD34}" srcOrd="1" destOrd="0" presId="urn:microsoft.com/office/officeart/2005/8/layout/cycle4"/>
    <dgm:cxn modelId="{9DD76779-DF16-4924-8C63-911FA627BA27}" type="presOf" srcId="{5C5ABB0A-99C8-4FFB-BCB1-502B8605C112}" destId="{DF51261D-F7D6-4884-9F1F-C48F882D18E9}" srcOrd="0" destOrd="0" presId="urn:microsoft.com/office/officeart/2005/8/layout/cycle4"/>
    <dgm:cxn modelId="{481A06A7-65B8-4FB4-9037-CDF5298635A3}" type="presOf" srcId="{9F0488CB-72FA-4CAD-ACFC-5BB0F9F21902}" destId="{89D0A210-D63B-4518-90DB-88C21B05268D}" srcOrd="0" destOrd="1" presId="urn:microsoft.com/office/officeart/2005/8/layout/cycle4"/>
    <dgm:cxn modelId="{6CA89FA8-DC73-4397-8747-6122BCC178F6}" type="presOf" srcId="{A0AB9B2C-8440-413E-AD25-65ABE5160E27}" destId="{437C59A2-2C2B-4CDB-9ADB-A1F04908C95D}" srcOrd="0" destOrd="0" presId="urn:microsoft.com/office/officeart/2005/8/layout/cycle4"/>
    <dgm:cxn modelId="{95295FAA-3F77-4AFC-BE44-5CB3BD6B5D68}" type="presOf" srcId="{9F0488CB-72FA-4CAD-ACFC-5BB0F9F21902}" destId="{DCFDE436-4612-40BC-BF3E-C7C4059878B2}" srcOrd="1" destOrd="1" presId="urn:microsoft.com/office/officeart/2005/8/layout/cycle4"/>
    <dgm:cxn modelId="{EBB480AC-695E-47B5-BD77-C432628854D3}" type="presOf" srcId="{B2616592-E4E8-42ED-938D-6690DB9759C7}" destId="{62582212-3FA2-4B8B-9ADA-A9B2435718C1}" srcOrd="0" destOrd="0" presId="urn:microsoft.com/office/officeart/2005/8/layout/cycle4"/>
    <dgm:cxn modelId="{31B0ADBE-80C5-4A31-AD67-350FC9560B3D}" srcId="{97D5C633-81AA-40F5-B5EE-C56223904771}" destId="{A0AB9B2C-8440-413E-AD25-65ABE5160E27}" srcOrd="3" destOrd="0" parTransId="{9C79E66F-B03F-444B-976D-170FC26AF58B}" sibTransId="{944E4E08-3758-403C-9158-3C744108564A}"/>
    <dgm:cxn modelId="{682F82DB-89F6-4C98-BD23-1EDA8156BBD1}" type="presOf" srcId="{DF09A6CB-A569-484C-814D-451340DDC64A}" destId="{2988464F-19CF-4843-9CE6-1A878DE1462B}" srcOrd="1" destOrd="0" presId="urn:microsoft.com/office/officeart/2005/8/layout/cycle4"/>
    <dgm:cxn modelId="{54FC8BDE-244D-435F-A764-BA2A99C48FCC}" type="presOf" srcId="{79DA3441-6436-4920-A5B3-B44CEF12B5BD}" destId="{39F821B7-9D46-4A79-BF21-39F834E8235F}" srcOrd="0" destOrd="0" presId="urn:microsoft.com/office/officeart/2005/8/layout/cycle4"/>
    <dgm:cxn modelId="{8B17B7DE-A710-4AA2-8447-4EB42545E4C9}" type="presOf" srcId="{B02D6D8C-3D2A-41BE-B21F-B686C46FE74B}" destId="{D1F20547-AB51-4D53-B6E3-05233DA54119}" srcOrd="0" destOrd="0" presId="urn:microsoft.com/office/officeart/2005/8/layout/cycle4"/>
    <dgm:cxn modelId="{857C6EF5-E489-4D50-8913-96AB6EB401A7}" srcId="{B2616592-E4E8-42ED-938D-6690DB9759C7}" destId="{82E302EA-8892-41A6-8EC3-61A73E65AD51}" srcOrd="0" destOrd="0" parTransId="{3059BC5C-A9A2-4C85-ACCD-8AD85AB32D03}" sibTransId="{4C8B43B5-BCCA-4D98-A575-CA6EABB23DE7}"/>
    <dgm:cxn modelId="{C82C79F5-8FCE-4544-91E4-9CE5F0BC77E2}" type="presOf" srcId="{DF09A6CB-A569-484C-814D-451340DDC64A}" destId="{DA62B72D-FB4E-4B0D-8AF0-EB2CCD54B513}" srcOrd="0" destOrd="0" presId="urn:microsoft.com/office/officeart/2005/8/layout/cycle4"/>
    <dgm:cxn modelId="{1D1ABEF9-CE9E-46B3-9D92-693A91A50355}" srcId="{97D5C633-81AA-40F5-B5EE-C56223904771}" destId="{B02D6D8C-3D2A-41BE-B21F-B686C46FE74B}" srcOrd="1" destOrd="0" parTransId="{2BACF0F8-54B4-407E-9B57-630F83C20264}" sibTransId="{09F08AAB-549F-4D20-AC98-E5F1131CD14C}"/>
    <dgm:cxn modelId="{D47F35B4-EDB4-4361-A0C4-A3226599079F}" type="presParOf" srcId="{4EB6EE12-6F17-44C2-982C-B6D6EE0457BF}" destId="{6D4D17F1-CC79-4C57-8FF2-D949ADEC2F3A}" srcOrd="0" destOrd="0" presId="urn:microsoft.com/office/officeart/2005/8/layout/cycle4"/>
    <dgm:cxn modelId="{78440C7C-86AA-48C2-AC88-021CDFB03270}" type="presParOf" srcId="{6D4D17F1-CC79-4C57-8FF2-D949ADEC2F3A}" destId="{F0654CFF-B2ED-48FE-BDB0-2479C7EA94FE}" srcOrd="0" destOrd="0" presId="urn:microsoft.com/office/officeart/2005/8/layout/cycle4"/>
    <dgm:cxn modelId="{89AAAD49-8CA2-40B8-BB6F-02CF21C46952}" type="presParOf" srcId="{F0654CFF-B2ED-48FE-BDB0-2479C7EA94FE}" destId="{3A0E0EB5-6886-413C-8557-B41DB27CB8C2}" srcOrd="0" destOrd="0" presId="urn:microsoft.com/office/officeart/2005/8/layout/cycle4"/>
    <dgm:cxn modelId="{BCBAD9F6-8EEC-4E44-80B3-7F4FBBE3C1A1}" type="presParOf" srcId="{F0654CFF-B2ED-48FE-BDB0-2479C7EA94FE}" destId="{1112A723-96FD-4F74-8977-0DD5C45BAD34}" srcOrd="1" destOrd="0" presId="urn:microsoft.com/office/officeart/2005/8/layout/cycle4"/>
    <dgm:cxn modelId="{12F408BF-6F0D-4606-953D-30AEC9890C6C}" type="presParOf" srcId="{6D4D17F1-CC79-4C57-8FF2-D949ADEC2F3A}" destId="{2FADD92B-62EB-4474-A953-3C0A0B62A654}" srcOrd="1" destOrd="0" presId="urn:microsoft.com/office/officeart/2005/8/layout/cycle4"/>
    <dgm:cxn modelId="{66CE8319-A271-4D80-805F-450185763F47}" type="presParOf" srcId="{2FADD92B-62EB-4474-A953-3C0A0B62A654}" destId="{39F821B7-9D46-4A79-BF21-39F834E8235F}" srcOrd="0" destOrd="0" presId="urn:microsoft.com/office/officeart/2005/8/layout/cycle4"/>
    <dgm:cxn modelId="{84B4394F-1FC5-43A0-99D4-9D6A60616F3D}" type="presParOf" srcId="{2FADD92B-62EB-4474-A953-3C0A0B62A654}" destId="{02235E20-BB7A-478E-9D3F-2F3AC6AAA18F}" srcOrd="1" destOrd="0" presId="urn:microsoft.com/office/officeart/2005/8/layout/cycle4"/>
    <dgm:cxn modelId="{14443417-D9B4-4814-A262-3B04C7D238C0}" type="presParOf" srcId="{6D4D17F1-CC79-4C57-8FF2-D949ADEC2F3A}" destId="{0B43DC90-F10E-4987-AA76-46BCBC9C8981}" srcOrd="2" destOrd="0" presId="urn:microsoft.com/office/officeart/2005/8/layout/cycle4"/>
    <dgm:cxn modelId="{0F7A15A6-FE8A-4C81-810A-7BF4FB9AC8B1}" type="presParOf" srcId="{0B43DC90-F10E-4987-AA76-46BCBC9C8981}" destId="{DA62B72D-FB4E-4B0D-8AF0-EB2CCD54B513}" srcOrd="0" destOrd="0" presId="urn:microsoft.com/office/officeart/2005/8/layout/cycle4"/>
    <dgm:cxn modelId="{4DF9ADD6-7421-490A-B9BF-B207C5AC4BB2}" type="presParOf" srcId="{0B43DC90-F10E-4987-AA76-46BCBC9C8981}" destId="{2988464F-19CF-4843-9CE6-1A878DE1462B}" srcOrd="1" destOrd="0" presId="urn:microsoft.com/office/officeart/2005/8/layout/cycle4"/>
    <dgm:cxn modelId="{808B503B-C0E7-4014-BD46-602FCD05B39A}" type="presParOf" srcId="{6D4D17F1-CC79-4C57-8FF2-D949ADEC2F3A}" destId="{E43FCE88-2009-4D6B-BB58-6000DEABD224}" srcOrd="3" destOrd="0" presId="urn:microsoft.com/office/officeart/2005/8/layout/cycle4"/>
    <dgm:cxn modelId="{28ECDA18-1AAF-4674-BA6A-57ABC8CE3B14}" type="presParOf" srcId="{E43FCE88-2009-4D6B-BB58-6000DEABD224}" destId="{89D0A210-D63B-4518-90DB-88C21B05268D}" srcOrd="0" destOrd="0" presId="urn:microsoft.com/office/officeart/2005/8/layout/cycle4"/>
    <dgm:cxn modelId="{4FC9D1A6-2829-4E81-9A4E-DE3CBA0F610E}" type="presParOf" srcId="{E43FCE88-2009-4D6B-BB58-6000DEABD224}" destId="{DCFDE436-4612-40BC-BF3E-C7C4059878B2}" srcOrd="1" destOrd="0" presId="urn:microsoft.com/office/officeart/2005/8/layout/cycle4"/>
    <dgm:cxn modelId="{4BC34CF4-164C-434E-BDA5-3029076A3043}" type="presParOf" srcId="{6D4D17F1-CC79-4C57-8FF2-D949ADEC2F3A}" destId="{DBF7FBC6-3DEE-46D3-B42B-A7E4E8BE7531}" srcOrd="4" destOrd="0" presId="urn:microsoft.com/office/officeart/2005/8/layout/cycle4"/>
    <dgm:cxn modelId="{42642295-E6BE-447E-A171-B607F7B691E2}" type="presParOf" srcId="{4EB6EE12-6F17-44C2-982C-B6D6EE0457BF}" destId="{E97D2672-C805-49BA-9F99-B9A214B58ABA}" srcOrd="1" destOrd="0" presId="urn:microsoft.com/office/officeart/2005/8/layout/cycle4"/>
    <dgm:cxn modelId="{BFE99485-979C-4628-9DDF-3BCAE115FAC6}" type="presParOf" srcId="{E97D2672-C805-49BA-9F99-B9A214B58ABA}" destId="{62582212-3FA2-4B8B-9ADA-A9B2435718C1}" srcOrd="0" destOrd="0" presId="urn:microsoft.com/office/officeart/2005/8/layout/cycle4"/>
    <dgm:cxn modelId="{D2416314-5DC1-4003-B4F3-5BA6866786C9}" type="presParOf" srcId="{E97D2672-C805-49BA-9F99-B9A214B58ABA}" destId="{D1F20547-AB51-4D53-B6E3-05233DA54119}" srcOrd="1" destOrd="0" presId="urn:microsoft.com/office/officeart/2005/8/layout/cycle4"/>
    <dgm:cxn modelId="{A5FEBBBC-85DA-442B-89D1-E8B039F77F2E}" type="presParOf" srcId="{E97D2672-C805-49BA-9F99-B9A214B58ABA}" destId="{DF51261D-F7D6-4884-9F1F-C48F882D18E9}" srcOrd="2" destOrd="0" presId="urn:microsoft.com/office/officeart/2005/8/layout/cycle4"/>
    <dgm:cxn modelId="{866608DC-A551-44EF-B60F-64BF4F5597C8}" type="presParOf" srcId="{E97D2672-C805-49BA-9F99-B9A214B58ABA}" destId="{437C59A2-2C2B-4CDB-9ADB-A1F04908C95D}" srcOrd="3" destOrd="0" presId="urn:microsoft.com/office/officeart/2005/8/layout/cycle4"/>
    <dgm:cxn modelId="{D266F623-80AD-4B87-B1EF-7F51ECAE09A0}" type="presParOf" srcId="{E97D2672-C805-49BA-9F99-B9A214B58ABA}" destId="{C1396FCB-438C-4D80-9CB9-254AF87A0649}" srcOrd="4" destOrd="0" presId="urn:microsoft.com/office/officeart/2005/8/layout/cycle4"/>
    <dgm:cxn modelId="{A8FAAEDA-C158-4CBB-8532-CF0F575E0D98}" type="presParOf" srcId="{4EB6EE12-6F17-44C2-982C-B6D6EE0457BF}" destId="{762E5A34-08B5-43F4-8FF3-A0C1D9D000BE}" srcOrd="2" destOrd="0" presId="urn:microsoft.com/office/officeart/2005/8/layout/cycle4"/>
    <dgm:cxn modelId="{13BAADAC-0A56-4E19-AE19-C28A84837F6D}" type="presParOf" srcId="{4EB6EE12-6F17-44C2-982C-B6D6EE0457BF}" destId="{F678674A-44A1-4D12-884F-0702E608FCF1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22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F36180E3-E000-4976-B73B-DE76E6697802}" type="doc">
      <dgm:prSet loTypeId="urn:microsoft.com/office/officeart/2005/8/layout/funnel1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2E7EC118-9943-4469-9202-80A0019805E9}">
      <dgm:prSet phldrT="[Text]"/>
      <dgm:spPr/>
      <dgm:t>
        <a:bodyPr/>
        <a:lstStyle/>
        <a:p>
          <a:r>
            <a:rPr lang="cs-CZ" b="1" cap="none" spc="0" dirty="0" err="1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Need</a:t>
          </a:r>
          <a:r>
            <a:rPr lang="cs-CZ" b="1" cap="none" spc="0" dirty="0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 </a:t>
          </a:r>
          <a:r>
            <a:rPr lang="cs-CZ" b="1" cap="none" spc="0" dirty="0" err="1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for</a:t>
          </a:r>
          <a:r>
            <a:rPr lang="cs-CZ" b="1" cap="none" spc="0" dirty="0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 </a:t>
          </a:r>
          <a:r>
            <a:rPr lang="cs-CZ" b="1" cap="none" spc="0" dirty="0" err="1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information</a:t>
          </a:r>
          <a:r>
            <a:rPr lang="cs-CZ" b="1" cap="none" spc="0" dirty="0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 </a:t>
          </a:r>
          <a:r>
            <a:rPr lang="cs-CZ" b="1" cap="none" spc="0" dirty="0" err="1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centres</a:t>
          </a:r>
          <a:endParaRPr lang="en-GB" b="1" cap="none" spc="0" dirty="0">
            <a:ln w="12700">
              <a:solidFill>
                <a:schemeClr val="accent1"/>
              </a:solidFill>
              <a:prstDash val="solid"/>
            </a:ln>
            <a:pattFill prst="pct50">
              <a:fgClr>
                <a:schemeClr val="accent1"/>
              </a:fgClr>
              <a:bgClr>
                <a:schemeClr val="accent1">
                  <a:lumMod val="20000"/>
                  <a:lumOff val="80000"/>
                </a:schemeClr>
              </a:bgClr>
            </a:pattFill>
            <a:effectLst>
              <a:outerShdw dist="38100" dir="2640000" algn="bl" rotWithShape="0">
                <a:schemeClr val="accent1"/>
              </a:outerShdw>
            </a:effectLst>
          </a:endParaRPr>
        </a:p>
      </dgm:t>
    </dgm:pt>
    <dgm:pt modelId="{0952C76F-5A39-4B5E-86CB-1F2015D30C98}" type="parTrans" cxnId="{481DA65E-EACA-44C0-9FB2-7E8924DE04A0}">
      <dgm:prSet/>
      <dgm:spPr/>
      <dgm:t>
        <a:bodyPr/>
        <a:lstStyle/>
        <a:p>
          <a:endParaRPr lang="en-GB"/>
        </a:p>
      </dgm:t>
    </dgm:pt>
    <dgm:pt modelId="{233E5A01-2EEA-4CF5-8859-A721EFE3682F}" type="sibTrans" cxnId="{481DA65E-EACA-44C0-9FB2-7E8924DE04A0}">
      <dgm:prSet/>
      <dgm:spPr/>
      <dgm:t>
        <a:bodyPr/>
        <a:lstStyle/>
        <a:p>
          <a:endParaRPr lang="en-GB"/>
        </a:p>
      </dgm:t>
    </dgm:pt>
    <dgm:pt modelId="{A2E8B78A-E1F2-4013-AB79-524B04E25DD9}" type="pres">
      <dgm:prSet presAssocID="{F36180E3-E000-4976-B73B-DE76E6697802}" presName="Name0" presStyleCnt="0">
        <dgm:presLayoutVars>
          <dgm:chMax val="4"/>
          <dgm:resizeHandles val="exact"/>
        </dgm:presLayoutVars>
      </dgm:prSet>
      <dgm:spPr/>
    </dgm:pt>
    <dgm:pt modelId="{64A7BE52-A243-4562-9363-5502E99F0A80}" type="pres">
      <dgm:prSet presAssocID="{F36180E3-E000-4976-B73B-DE76E6697802}" presName="ellipse" presStyleLbl="trBgShp" presStyleIdx="0" presStyleCnt="1"/>
      <dgm:spPr/>
    </dgm:pt>
    <dgm:pt modelId="{19A286B6-8F5C-485B-8E95-0E86B25D98E7}" type="pres">
      <dgm:prSet presAssocID="{F36180E3-E000-4976-B73B-DE76E6697802}" presName="arrow1" presStyleLbl="fgShp" presStyleIdx="0" presStyleCnt="1"/>
      <dgm:spPr/>
    </dgm:pt>
    <dgm:pt modelId="{4547E08B-C41C-4195-9BFC-A6F7B43819CF}" type="pres">
      <dgm:prSet presAssocID="{F36180E3-E000-4976-B73B-DE76E6697802}" presName="rectangle" presStyleLbl="revTx" presStyleIdx="0" presStyleCnt="1" custScaleX="194017">
        <dgm:presLayoutVars>
          <dgm:bulletEnabled val="1"/>
        </dgm:presLayoutVars>
      </dgm:prSet>
      <dgm:spPr/>
    </dgm:pt>
    <dgm:pt modelId="{E146BB69-79C5-485F-B90D-67F5850A919E}" type="pres">
      <dgm:prSet presAssocID="{F36180E3-E000-4976-B73B-DE76E6697802}" presName="funnel" presStyleLbl="trAlignAcc1" presStyleIdx="0" presStyleCnt="1" custScaleX="166300"/>
      <dgm:spPr/>
    </dgm:pt>
  </dgm:ptLst>
  <dgm:cxnLst>
    <dgm:cxn modelId="{2782871F-CECA-4A01-94C8-CE98DB8BF97B}" type="presOf" srcId="{F36180E3-E000-4976-B73B-DE76E6697802}" destId="{A2E8B78A-E1F2-4013-AB79-524B04E25DD9}" srcOrd="0" destOrd="0" presId="urn:microsoft.com/office/officeart/2005/8/layout/funnel1"/>
    <dgm:cxn modelId="{481DA65E-EACA-44C0-9FB2-7E8924DE04A0}" srcId="{F36180E3-E000-4976-B73B-DE76E6697802}" destId="{2E7EC118-9943-4469-9202-80A0019805E9}" srcOrd="0" destOrd="0" parTransId="{0952C76F-5A39-4B5E-86CB-1F2015D30C98}" sibTransId="{233E5A01-2EEA-4CF5-8859-A721EFE3682F}"/>
    <dgm:cxn modelId="{7BA2EBC4-AC82-4FD0-87A7-ED4816790BDC}" type="presOf" srcId="{2E7EC118-9943-4469-9202-80A0019805E9}" destId="{4547E08B-C41C-4195-9BFC-A6F7B43819CF}" srcOrd="0" destOrd="0" presId="urn:microsoft.com/office/officeart/2005/8/layout/funnel1"/>
    <dgm:cxn modelId="{00A3EBD6-5A63-49B3-8DDA-78DB745F49FD}" type="presParOf" srcId="{A2E8B78A-E1F2-4013-AB79-524B04E25DD9}" destId="{64A7BE52-A243-4562-9363-5502E99F0A80}" srcOrd="0" destOrd="0" presId="urn:microsoft.com/office/officeart/2005/8/layout/funnel1"/>
    <dgm:cxn modelId="{BAB1246B-76F5-4112-B4A9-E2CF0DE3498D}" type="presParOf" srcId="{A2E8B78A-E1F2-4013-AB79-524B04E25DD9}" destId="{19A286B6-8F5C-485B-8E95-0E86B25D98E7}" srcOrd="1" destOrd="0" presId="urn:microsoft.com/office/officeart/2005/8/layout/funnel1"/>
    <dgm:cxn modelId="{0BDEF35E-CD71-45CA-8E6B-F70643EAFBBB}" type="presParOf" srcId="{A2E8B78A-E1F2-4013-AB79-524B04E25DD9}" destId="{4547E08B-C41C-4195-9BFC-A6F7B43819CF}" srcOrd="2" destOrd="0" presId="urn:microsoft.com/office/officeart/2005/8/layout/funnel1"/>
    <dgm:cxn modelId="{27139635-9E91-4B5B-B3BB-4B825FB8DAAC}" type="presParOf" srcId="{A2E8B78A-E1F2-4013-AB79-524B04E25DD9}" destId="{E146BB69-79C5-485F-B90D-67F5850A919E}" srcOrd="3" destOrd="0" presId="urn:microsoft.com/office/officeart/2005/8/layout/funnel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FC836EED-F3C9-48B6-A7A0-810727633F9E}" type="doc">
      <dgm:prSet loTypeId="urn:microsoft.com/office/officeart/2005/8/layout/vList4" loCatId="picture" qsTypeId="urn:microsoft.com/office/officeart/2009/2/quickstyle/3d8" qsCatId="3D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52EEFC00-5D87-4793-BC8D-5F123B12B793}">
      <dgm:prSet phldrT="[Text]"/>
      <dgm:spPr/>
      <dgm:t>
        <a:bodyPr/>
        <a:lstStyle/>
        <a:p>
          <a:r>
            <a:rPr lang="cs-CZ" dirty="0"/>
            <a:t>New </a:t>
          </a:r>
          <a:r>
            <a:rPr lang="cs-CZ" dirty="0" err="1"/>
            <a:t>logistic</a:t>
          </a:r>
          <a:r>
            <a:rPr lang="cs-CZ" dirty="0"/>
            <a:t> </a:t>
          </a:r>
          <a:r>
            <a:rPr lang="cs-CZ" dirty="0" err="1"/>
            <a:t>concepts</a:t>
          </a:r>
          <a:endParaRPr lang="en-GB" dirty="0"/>
        </a:p>
      </dgm:t>
    </dgm:pt>
    <dgm:pt modelId="{2FDA79B1-709C-456C-A404-5DDA68F7E131}" type="parTrans" cxnId="{89550D7D-0FBF-4EEE-9E7E-60B866F1E421}">
      <dgm:prSet/>
      <dgm:spPr/>
      <dgm:t>
        <a:bodyPr/>
        <a:lstStyle/>
        <a:p>
          <a:endParaRPr lang="en-GB"/>
        </a:p>
      </dgm:t>
    </dgm:pt>
    <dgm:pt modelId="{6E675534-35A0-4841-A6A4-A2DC2944D77D}" type="sibTrans" cxnId="{89550D7D-0FBF-4EEE-9E7E-60B866F1E421}">
      <dgm:prSet/>
      <dgm:spPr/>
      <dgm:t>
        <a:bodyPr/>
        <a:lstStyle/>
        <a:p>
          <a:endParaRPr lang="en-GB"/>
        </a:p>
      </dgm:t>
    </dgm:pt>
    <dgm:pt modelId="{A08B1E59-72E9-45AC-885D-F32562A4E7FC}">
      <dgm:prSet phldrT="[Text]"/>
      <dgm:spPr/>
      <dgm:t>
        <a:bodyPr/>
        <a:lstStyle/>
        <a:p>
          <a:r>
            <a:rPr lang="cs-CZ" dirty="0" err="1"/>
            <a:t>Alternative</a:t>
          </a:r>
          <a:r>
            <a:rPr lang="cs-CZ" dirty="0"/>
            <a:t> </a:t>
          </a:r>
          <a:r>
            <a:rPr lang="cs-CZ" dirty="0" err="1"/>
            <a:t>fuel</a:t>
          </a:r>
          <a:r>
            <a:rPr lang="cs-CZ" dirty="0"/>
            <a:t> </a:t>
          </a:r>
          <a:r>
            <a:rPr lang="cs-CZ" dirty="0" err="1"/>
            <a:t>concepts</a:t>
          </a:r>
          <a:endParaRPr lang="en-GB" dirty="0"/>
        </a:p>
      </dgm:t>
    </dgm:pt>
    <dgm:pt modelId="{B01E555F-AD21-4CD1-BD25-3C2391A42AD5}" type="parTrans" cxnId="{3BECF7FF-8DD6-403C-9A27-65C3AEBC5709}">
      <dgm:prSet/>
      <dgm:spPr/>
      <dgm:t>
        <a:bodyPr/>
        <a:lstStyle/>
        <a:p>
          <a:endParaRPr lang="en-GB"/>
        </a:p>
      </dgm:t>
    </dgm:pt>
    <dgm:pt modelId="{B3B1E4A6-ACC4-433B-B332-982992E848EC}" type="sibTrans" cxnId="{3BECF7FF-8DD6-403C-9A27-65C3AEBC5709}">
      <dgm:prSet/>
      <dgm:spPr/>
      <dgm:t>
        <a:bodyPr/>
        <a:lstStyle/>
        <a:p>
          <a:endParaRPr lang="en-GB"/>
        </a:p>
      </dgm:t>
    </dgm:pt>
    <dgm:pt modelId="{48231C17-DC77-4F3A-B8FC-F00D87C1B949}">
      <dgm:prSet phldrT="[Text]"/>
      <dgm:spPr/>
      <dgm:t>
        <a:bodyPr/>
        <a:lstStyle/>
        <a:p>
          <a:r>
            <a:rPr lang="cs-CZ" dirty="0"/>
            <a:t>RIS</a:t>
          </a:r>
          <a:endParaRPr lang="en-GB" dirty="0"/>
        </a:p>
      </dgm:t>
    </dgm:pt>
    <dgm:pt modelId="{F88E09F5-3F1A-4881-B6D0-6E299ADD4339}" type="parTrans" cxnId="{F2A78E51-6FB7-4FCF-A99D-67CBFE61844D}">
      <dgm:prSet/>
      <dgm:spPr/>
      <dgm:t>
        <a:bodyPr/>
        <a:lstStyle/>
        <a:p>
          <a:endParaRPr lang="en-GB"/>
        </a:p>
      </dgm:t>
    </dgm:pt>
    <dgm:pt modelId="{D2E3841F-53D6-4FD2-8859-4A6CB0562C6B}" type="sibTrans" cxnId="{F2A78E51-6FB7-4FCF-A99D-67CBFE61844D}">
      <dgm:prSet/>
      <dgm:spPr/>
      <dgm:t>
        <a:bodyPr/>
        <a:lstStyle/>
        <a:p>
          <a:endParaRPr lang="en-GB"/>
        </a:p>
      </dgm:t>
    </dgm:pt>
    <dgm:pt modelId="{2877DA0F-24E6-43E7-9184-DCBA11F3EBED}">
      <dgm:prSet phldrT="[Text]"/>
      <dgm:spPr/>
      <dgm:t>
        <a:bodyPr/>
        <a:lstStyle/>
        <a:p>
          <a:r>
            <a:rPr lang="cs-CZ" dirty="0" err="1"/>
            <a:t>Reliable</a:t>
          </a:r>
          <a:r>
            <a:rPr lang="cs-CZ" dirty="0"/>
            <a:t> </a:t>
          </a:r>
          <a:r>
            <a:rPr lang="cs-CZ" dirty="0" err="1"/>
            <a:t>infrastructure</a:t>
          </a:r>
          <a:endParaRPr lang="en-GB" dirty="0"/>
        </a:p>
      </dgm:t>
    </dgm:pt>
    <dgm:pt modelId="{ED253D93-BCA8-4467-A5DD-00F2E8E9305D}" type="parTrans" cxnId="{F6902C16-B69F-44AE-991E-C053642496EF}">
      <dgm:prSet/>
      <dgm:spPr/>
      <dgm:t>
        <a:bodyPr/>
        <a:lstStyle/>
        <a:p>
          <a:endParaRPr lang="en-GB"/>
        </a:p>
      </dgm:t>
    </dgm:pt>
    <dgm:pt modelId="{B988EAB2-5EC3-47DC-AE86-72E2353632E8}" type="sibTrans" cxnId="{F6902C16-B69F-44AE-991E-C053642496EF}">
      <dgm:prSet/>
      <dgm:spPr/>
      <dgm:t>
        <a:bodyPr/>
        <a:lstStyle/>
        <a:p>
          <a:endParaRPr lang="en-GB"/>
        </a:p>
      </dgm:t>
    </dgm:pt>
    <dgm:pt modelId="{19A8E8EC-5338-4A9C-996A-6396B773A23A}">
      <dgm:prSet phldrT="[Text]"/>
      <dgm:spPr/>
      <dgm:t>
        <a:bodyPr/>
        <a:lstStyle/>
        <a:p>
          <a:r>
            <a:rPr lang="cs-CZ" dirty="0" err="1"/>
            <a:t>Better</a:t>
          </a:r>
          <a:r>
            <a:rPr lang="cs-CZ" dirty="0"/>
            <a:t> </a:t>
          </a:r>
          <a:r>
            <a:rPr lang="cs-CZ" dirty="0" err="1"/>
            <a:t>communication</a:t>
          </a:r>
          <a:r>
            <a:rPr lang="cs-CZ" dirty="0"/>
            <a:t> – </a:t>
          </a:r>
          <a:r>
            <a:rPr lang="cs-CZ" dirty="0" err="1"/>
            <a:t>information</a:t>
          </a:r>
          <a:r>
            <a:rPr lang="cs-CZ" dirty="0"/>
            <a:t> </a:t>
          </a:r>
          <a:r>
            <a:rPr lang="cs-CZ" dirty="0" err="1"/>
            <a:t>centres</a:t>
          </a:r>
          <a:endParaRPr lang="en-GB" dirty="0"/>
        </a:p>
      </dgm:t>
    </dgm:pt>
    <dgm:pt modelId="{218DE26E-1826-4DEB-8D55-B0DD7F9BEAE3}" type="parTrans" cxnId="{F56D5E24-E83D-44E6-A566-2B17DDD9958E}">
      <dgm:prSet/>
      <dgm:spPr/>
      <dgm:t>
        <a:bodyPr/>
        <a:lstStyle/>
        <a:p>
          <a:endParaRPr lang="en-GB"/>
        </a:p>
      </dgm:t>
    </dgm:pt>
    <dgm:pt modelId="{FB61D0F5-176F-4812-97E8-F1312EF67A8C}" type="sibTrans" cxnId="{F56D5E24-E83D-44E6-A566-2B17DDD9958E}">
      <dgm:prSet/>
      <dgm:spPr/>
      <dgm:t>
        <a:bodyPr/>
        <a:lstStyle/>
        <a:p>
          <a:endParaRPr lang="en-GB"/>
        </a:p>
      </dgm:t>
    </dgm:pt>
    <dgm:pt modelId="{EB58EA3C-D3AA-4E7E-8A04-10A7D8C1AE14}" type="pres">
      <dgm:prSet presAssocID="{FC836EED-F3C9-48B6-A7A0-810727633F9E}" presName="linear" presStyleCnt="0">
        <dgm:presLayoutVars>
          <dgm:dir/>
          <dgm:resizeHandles val="exact"/>
        </dgm:presLayoutVars>
      </dgm:prSet>
      <dgm:spPr/>
    </dgm:pt>
    <dgm:pt modelId="{F6D09C40-F47D-4409-9711-6CDE8523DB19}" type="pres">
      <dgm:prSet presAssocID="{2877DA0F-24E6-43E7-9184-DCBA11F3EBED}" presName="comp" presStyleCnt="0"/>
      <dgm:spPr/>
    </dgm:pt>
    <dgm:pt modelId="{2CC10552-AA3C-4DA1-A152-E60755642CF2}" type="pres">
      <dgm:prSet presAssocID="{2877DA0F-24E6-43E7-9184-DCBA11F3EBED}" presName="box" presStyleLbl="node1" presStyleIdx="0" presStyleCnt="5" custLinFactNeighborX="1031" custLinFactNeighborY="-86685"/>
      <dgm:spPr/>
    </dgm:pt>
    <dgm:pt modelId="{C899EFE4-801F-4E26-B049-19941C232A8C}" type="pres">
      <dgm:prSet presAssocID="{2877DA0F-24E6-43E7-9184-DCBA11F3EBED}" presName="img" presStyleLbl="fgImgPlace1" presStyleIdx="0" presStyleCnt="5"/>
      <dgm:spPr>
        <a:blipFill rotWithShape="1">
          <a:blip xmlns:r="http://schemas.openxmlformats.org/officeDocument/2006/relationships" r:embed="rId1"/>
          <a:srcRect/>
          <a:stretch>
            <a:fillRect t="-29000" b="-29000"/>
          </a:stretch>
        </a:blipFill>
      </dgm:spPr>
    </dgm:pt>
    <dgm:pt modelId="{301071CB-3833-48D0-B2DE-194D251BBB7C}" type="pres">
      <dgm:prSet presAssocID="{2877DA0F-24E6-43E7-9184-DCBA11F3EBED}" presName="text" presStyleLbl="node1" presStyleIdx="0" presStyleCnt="5">
        <dgm:presLayoutVars>
          <dgm:bulletEnabled val="1"/>
        </dgm:presLayoutVars>
      </dgm:prSet>
      <dgm:spPr/>
    </dgm:pt>
    <dgm:pt modelId="{C09F55B7-73BA-42C0-A341-789272A169B0}" type="pres">
      <dgm:prSet presAssocID="{B988EAB2-5EC3-47DC-AE86-72E2353632E8}" presName="spacer" presStyleCnt="0"/>
      <dgm:spPr/>
    </dgm:pt>
    <dgm:pt modelId="{88F0C744-51AE-451B-9EC8-B8368333B805}" type="pres">
      <dgm:prSet presAssocID="{52EEFC00-5D87-4793-BC8D-5F123B12B793}" presName="comp" presStyleCnt="0"/>
      <dgm:spPr/>
    </dgm:pt>
    <dgm:pt modelId="{B381F889-3E66-4D48-B1BB-920C6CFC7A3B}" type="pres">
      <dgm:prSet presAssocID="{52EEFC00-5D87-4793-BC8D-5F123B12B793}" presName="box" presStyleLbl="node1" presStyleIdx="1" presStyleCnt="5"/>
      <dgm:spPr/>
    </dgm:pt>
    <dgm:pt modelId="{5A6BA772-621F-4360-84AA-AF7917A65323}" type="pres">
      <dgm:prSet presAssocID="{52EEFC00-5D87-4793-BC8D-5F123B12B793}" presName="img" presStyleLbl="fgImgPlace1" presStyleIdx="1" presStyleCnt="5"/>
      <dgm:spPr>
        <a:blipFill rotWithShape="1">
          <a:blip xmlns:r="http://schemas.openxmlformats.org/officeDocument/2006/relationships" r:embed="rId2"/>
          <a:srcRect/>
          <a:stretch>
            <a:fillRect l="-18000" r="-18000"/>
          </a:stretch>
        </a:blipFill>
      </dgm:spPr>
    </dgm:pt>
    <dgm:pt modelId="{9468B35A-AAAF-46B8-BD3B-60D5BBBE6FB6}" type="pres">
      <dgm:prSet presAssocID="{52EEFC00-5D87-4793-BC8D-5F123B12B793}" presName="text" presStyleLbl="node1" presStyleIdx="1" presStyleCnt="5">
        <dgm:presLayoutVars>
          <dgm:bulletEnabled val="1"/>
        </dgm:presLayoutVars>
      </dgm:prSet>
      <dgm:spPr/>
    </dgm:pt>
    <dgm:pt modelId="{C478FD60-9AF8-41AE-8314-F75D7107A726}" type="pres">
      <dgm:prSet presAssocID="{6E675534-35A0-4841-A6A4-A2DC2944D77D}" presName="spacer" presStyleCnt="0"/>
      <dgm:spPr/>
    </dgm:pt>
    <dgm:pt modelId="{5B749E7D-0DE8-4B10-B9F1-E041E4B1C106}" type="pres">
      <dgm:prSet presAssocID="{A08B1E59-72E9-45AC-885D-F32562A4E7FC}" presName="comp" presStyleCnt="0"/>
      <dgm:spPr/>
    </dgm:pt>
    <dgm:pt modelId="{FF6D6E47-8934-4BEE-AF60-96DFC16C4100}" type="pres">
      <dgm:prSet presAssocID="{A08B1E59-72E9-45AC-885D-F32562A4E7FC}" presName="box" presStyleLbl="node1" presStyleIdx="2" presStyleCnt="5"/>
      <dgm:spPr/>
    </dgm:pt>
    <dgm:pt modelId="{BDBC9016-CCCC-4FE9-8EF8-3C8C39A52893}" type="pres">
      <dgm:prSet presAssocID="{A08B1E59-72E9-45AC-885D-F32562A4E7FC}" presName="img" presStyleLbl="fgImgPlace1" presStyleIdx="2" presStyleCnt="5"/>
      <dgm:spPr>
        <a:blipFill rotWithShape="1">
          <a:blip xmlns:r="http://schemas.openxmlformats.org/officeDocument/2006/relationships" r:embed="rId3"/>
          <a:srcRect/>
          <a:stretch>
            <a:fillRect t="-29000" b="-29000"/>
          </a:stretch>
        </a:blipFill>
      </dgm:spPr>
    </dgm:pt>
    <dgm:pt modelId="{13AC8A3A-24B3-4C2A-AE83-5FDB9E524269}" type="pres">
      <dgm:prSet presAssocID="{A08B1E59-72E9-45AC-885D-F32562A4E7FC}" presName="text" presStyleLbl="node1" presStyleIdx="2" presStyleCnt="5">
        <dgm:presLayoutVars>
          <dgm:bulletEnabled val="1"/>
        </dgm:presLayoutVars>
      </dgm:prSet>
      <dgm:spPr/>
    </dgm:pt>
    <dgm:pt modelId="{D10E88DC-15B3-4E9F-928C-5A1E6CB7F693}" type="pres">
      <dgm:prSet presAssocID="{B3B1E4A6-ACC4-433B-B332-982992E848EC}" presName="spacer" presStyleCnt="0"/>
      <dgm:spPr/>
    </dgm:pt>
    <dgm:pt modelId="{AA60F50E-22D4-4BA8-93DD-E7C661CFD5A3}" type="pres">
      <dgm:prSet presAssocID="{48231C17-DC77-4F3A-B8FC-F00D87C1B949}" presName="comp" presStyleCnt="0"/>
      <dgm:spPr/>
    </dgm:pt>
    <dgm:pt modelId="{CD4B5DAA-2B04-4A6F-8B3C-118D44340C3F}" type="pres">
      <dgm:prSet presAssocID="{48231C17-DC77-4F3A-B8FC-F00D87C1B949}" presName="box" presStyleLbl="node1" presStyleIdx="3" presStyleCnt="5"/>
      <dgm:spPr/>
    </dgm:pt>
    <dgm:pt modelId="{3A5C2E6B-4696-482E-9DC2-2360C3932A8E}" type="pres">
      <dgm:prSet presAssocID="{48231C17-DC77-4F3A-B8FC-F00D87C1B949}" presName="img" presStyleLbl="fgImgPlace1" presStyleIdx="3" presStyleCnt="5"/>
      <dgm:spPr>
        <a:blipFill rotWithShape="1">
          <a:blip xmlns:r="http://schemas.openxmlformats.org/officeDocument/2006/relationships" r:embed="rId4"/>
          <a:srcRect/>
          <a:stretch>
            <a:fillRect t="-18000" b="-18000"/>
          </a:stretch>
        </a:blipFill>
      </dgm:spPr>
    </dgm:pt>
    <dgm:pt modelId="{E3C78702-27BE-440F-8D30-39B0F6F76746}" type="pres">
      <dgm:prSet presAssocID="{48231C17-DC77-4F3A-B8FC-F00D87C1B949}" presName="text" presStyleLbl="node1" presStyleIdx="3" presStyleCnt="5">
        <dgm:presLayoutVars>
          <dgm:bulletEnabled val="1"/>
        </dgm:presLayoutVars>
      </dgm:prSet>
      <dgm:spPr/>
    </dgm:pt>
    <dgm:pt modelId="{F9D18B09-78DE-40F3-90A0-05BBEF26DA52}" type="pres">
      <dgm:prSet presAssocID="{D2E3841F-53D6-4FD2-8859-4A6CB0562C6B}" presName="spacer" presStyleCnt="0"/>
      <dgm:spPr/>
    </dgm:pt>
    <dgm:pt modelId="{30111C3A-9930-4EE4-8F96-31CE324ED33B}" type="pres">
      <dgm:prSet presAssocID="{19A8E8EC-5338-4A9C-996A-6396B773A23A}" presName="comp" presStyleCnt="0"/>
      <dgm:spPr/>
    </dgm:pt>
    <dgm:pt modelId="{03615296-2C7A-4952-A2CA-C497E263B773}" type="pres">
      <dgm:prSet presAssocID="{19A8E8EC-5338-4A9C-996A-6396B773A23A}" presName="box" presStyleLbl="node1" presStyleIdx="4" presStyleCnt="5"/>
      <dgm:spPr/>
    </dgm:pt>
    <dgm:pt modelId="{62511C64-01E1-47E4-8002-C255FA33A30E}" type="pres">
      <dgm:prSet presAssocID="{19A8E8EC-5338-4A9C-996A-6396B773A23A}" presName="img" presStyleLbl="fgImgPlace1" presStyleIdx="4" presStyleCnt="5" custScaleX="34501"/>
      <dgm:spPr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 t="-11000" b="-11000"/>
          </a:stretch>
        </a:blipFill>
      </dgm:spPr>
      <dgm:extLst>
        <a:ext uri="{E40237B7-FDA0-4F09-8148-C483321AD2D9}">
          <dgm14:cNvPr xmlns:dgm14="http://schemas.microsoft.com/office/drawing/2010/diagram" id="0" name="" descr="Hlasitost"/>
        </a:ext>
      </dgm:extLst>
    </dgm:pt>
    <dgm:pt modelId="{981D3BB5-95B8-4F42-A00E-E20272517E7C}" type="pres">
      <dgm:prSet presAssocID="{19A8E8EC-5338-4A9C-996A-6396B773A23A}" presName="text" presStyleLbl="node1" presStyleIdx="4" presStyleCnt="5">
        <dgm:presLayoutVars>
          <dgm:bulletEnabled val="1"/>
        </dgm:presLayoutVars>
      </dgm:prSet>
      <dgm:spPr/>
    </dgm:pt>
  </dgm:ptLst>
  <dgm:cxnLst>
    <dgm:cxn modelId="{D4F79A0C-492A-4C45-B520-5C753416FCC6}" type="presOf" srcId="{52EEFC00-5D87-4793-BC8D-5F123B12B793}" destId="{9468B35A-AAAF-46B8-BD3B-60D5BBBE6FB6}" srcOrd="1" destOrd="0" presId="urn:microsoft.com/office/officeart/2005/8/layout/vList4"/>
    <dgm:cxn modelId="{F6902C16-B69F-44AE-991E-C053642496EF}" srcId="{FC836EED-F3C9-48B6-A7A0-810727633F9E}" destId="{2877DA0F-24E6-43E7-9184-DCBA11F3EBED}" srcOrd="0" destOrd="0" parTransId="{ED253D93-BCA8-4467-A5DD-00F2E8E9305D}" sibTransId="{B988EAB2-5EC3-47DC-AE86-72E2353632E8}"/>
    <dgm:cxn modelId="{F56D5E24-E83D-44E6-A566-2B17DDD9958E}" srcId="{FC836EED-F3C9-48B6-A7A0-810727633F9E}" destId="{19A8E8EC-5338-4A9C-996A-6396B773A23A}" srcOrd="4" destOrd="0" parTransId="{218DE26E-1826-4DEB-8D55-B0DD7F9BEAE3}" sibTransId="{FB61D0F5-176F-4812-97E8-F1312EF67A8C}"/>
    <dgm:cxn modelId="{1BBA6425-8F4E-49AC-AE69-FB894A83308D}" type="presOf" srcId="{FC836EED-F3C9-48B6-A7A0-810727633F9E}" destId="{EB58EA3C-D3AA-4E7E-8A04-10A7D8C1AE14}" srcOrd="0" destOrd="0" presId="urn:microsoft.com/office/officeart/2005/8/layout/vList4"/>
    <dgm:cxn modelId="{BE4ABC2E-FD03-459E-80A2-5DC7B704C6E7}" type="presOf" srcId="{2877DA0F-24E6-43E7-9184-DCBA11F3EBED}" destId="{301071CB-3833-48D0-B2DE-194D251BBB7C}" srcOrd="1" destOrd="0" presId="urn:microsoft.com/office/officeart/2005/8/layout/vList4"/>
    <dgm:cxn modelId="{ADE6B632-41D4-4702-B937-92F934114B6F}" type="presOf" srcId="{48231C17-DC77-4F3A-B8FC-F00D87C1B949}" destId="{CD4B5DAA-2B04-4A6F-8B3C-118D44340C3F}" srcOrd="0" destOrd="0" presId="urn:microsoft.com/office/officeart/2005/8/layout/vList4"/>
    <dgm:cxn modelId="{93ECA738-5D18-4C14-AE1F-D64E45820ADA}" type="presOf" srcId="{19A8E8EC-5338-4A9C-996A-6396B773A23A}" destId="{981D3BB5-95B8-4F42-A00E-E20272517E7C}" srcOrd="1" destOrd="0" presId="urn:microsoft.com/office/officeart/2005/8/layout/vList4"/>
    <dgm:cxn modelId="{A17AAA3D-30DC-4F8B-A354-925C975A17A0}" type="presOf" srcId="{52EEFC00-5D87-4793-BC8D-5F123B12B793}" destId="{B381F889-3E66-4D48-B1BB-920C6CFC7A3B}" srcOrd="0" destOrd="0" presId="urn:microsoft.com/office/officeart/2005/8/layout/vList4"/>
    <dgm:cxn modelId="{7DBAF441-E335-4168-A961-37F6338353D1}" type="presOf" srcId="{19A8E8EC-5338-4A9C-996A-6396B773A23A}" destId="{03615296-2C7A-4952-A2CA-C497E263B773}" srcOrd="0" destOrd="0" presId="urn:microsoft.com/office/officeart/2005/8/layout/vList4"/>
    <dgm:cxn modelId="{F2A78E51-6FB7-4FCF-A99D-67CBFE61844D}" srcId="{FC836EED-F3C9-48B6-A7A0-810727633F9E}" destId="{48231C17-DC77-4F3A-B8FC-F00D87C1B949}" srcOrd="3" destOrd="0" parTransId="{F88E09F5-3F1A-4881-B6D0-6E299ADD4339}" sibTransId="{D2E3841F-53D6-4FD2-8859-4A6CB0562C6B}"/>
    <dgm:cxn modelId="{89550D7D-0FBF-4EEE-9E7E-60B866F1E421}" srcId="{FC836EED-F3C9-48B6-A7A0-810727633F9E}" destId="{52EEFC00-5D87-4793-BC8D-5F123B12B793}" srcOrd="1" destOrd="0" parTransId="{2FDA79B1-709C-456C-A404-5DDA68F7E131}" sibTransId="{6E675534-35A0-4841-A6A4-A2DC2944D77D}"/>
    <dgm:cxn modelId="{1134D37E-5D36-4592-BABF-161496B98D91}" type="presOf" srcId="{A08B1E59-72E9-45AC-885D-F32562A4E7FC}" destId="{13AC8A3A-24B3-4C2A-AE83-5FDB9E524269}" srcOrd="1" destOrd="0" presId="urn:microsoft.com/office/officeart/2005/8/layout/vList4"/>
    <dgm:cxn modelId="{8658AAB5-D807-4865-9595-11A2CABD6DE4}" type="presOf" srcId="{48231C17-DC77-4F3A-B8FC-F00D87C1B949}" destId="{E3C78702-27BE-440F-8D30-39B0F6F76746}" srcOrd="1" destOrd="0" presId="urn:microsoft.com/office/officeart/2005/8/layout/vList4"/>
    <dgm:cxn modelId="{FE0842B6-6CBF-4B83-97BF-2865E4D74315}" type="presOf" srcId="{A08B1E59-72E9-45AC-885D-F32562A4E7FC}" destId="{FF6D6E47-8934-4BEE-AF60-96DFC16C4100}" srcOrd="0" destOrd="0" presId="urn:microsoft.com/office/officeart/2005/8/layout/vList4"/>
    <dgm:cxn modelId="{571B38C6-8E38-4E32-853C-7363913C8FDE}" type="presOf" srcId="{2877DA0F-24E6-43E7-9184-DCBA11F3EBED}" destId="{2CC10552-AA3C-4DA1-A152-E60755642CF2}" srcOrd="0" destOrd="0" presId="urn:microsoft.com/office/officeart/2005/8/layout/vList4"/>
    <dgm:cxn modelId="{3BECF7FF-8DD6-403C-9A27-65C3AEBC5709}" srcId="{FC836EED-F3C9-48B6-A7A0-810727633F9E}" destId="{A08B1E59-72E9-45AC-885D-F32562A4E7FC}" srcOrd="2" destOrd="0" parTransId="{B01E555F-AD21-4CD1-BD25-3C2391A42AD5}" sibTransId="{B3B1E4A6-ACC4-433B-B332-982992E848EC}"/>
    <dgm:cxn modelId="{B6228639-A994-48E5-96E3-E8385F28BCBD}" type="presParOf" srcId="{EB58EA3C-D3AA-4E7E-8A04-10A7D8C1AE14}" destId="{F6D09C40-F47D-4409-9711-6CDE8523DB19}" srcOrd="0" destOrd="0" presId="urn:microsoft.com/office/officeart/2005/8/layout/vList4"/>
    <dgm:cxn modelId="{31CE7443-F68F-4FDF-9316-904213B33265}" type="presParOf" srcId="{F6D09C40-F47D-4409-9711-6CDE8523DB19}" destId="{2CC10552-AA3C-4DA1-A152-E60755642CF2}" srcOrd="0" destOrd="0" presId="urn:microsoft.com/office/officeart/2005/8/layout/vList4"/>
    <dgm:cxn modelId="{349631D8-D0B0-411C-A9A9-DC56C6CDCF6A}" type="presParOf" srcId="{F6D09C40-F47D-4409-9711-6CDE8523DB19}" destId="{C899EFE4-801F-4E26-B049-19941C232A8C}" srcOrd="1" destOrd="0" presId="urn:microsoft.com/office/officeart/2005/8/layout/vList4"/>
    <dgm:cxn modelId="{D2631CBC-44FF-478B-88BB-44F17DF03EC1}" type="presParOf" srcId="{F6D09C40-F47D-4409-9711-6CDE8523DB19}" destId="{301071CB-3833-48D0-B2DE-194D251BBB7C}" srcOrd="2" destOrd="0" presId="urn:microsoft.com/office/officeart/2005/8/layout/vList4"/>
    <dgm:cxn modelId="{D426CB1B-567F-4D60-AD0B-AAB9BD436404}" type="presParOf" srcId="{EB58EA3C-D3AA-4E7E-8A04-10A7D8C1AE14}" destId="{C09F55B7-73BA-42C0-A341-789272A169B0}" srcOrd="1" destOrd="0" presId="urn:microsoft.com/office/officeart/2005/8/layout/vList4"/>
    <dgm:cxn modelId="{CD3844A8-FC0F-4D0F-A17E-A4D33D6ACC84}" type="presParOf" srcId="{EB58EA3C-D3AA-4E7E-8A04-10A7D8C1AE14}" destId="{88F0C744-51AE-451B-9EC8-B8368333B805}" srcOrd="2" destOrd="0" presId="urn:microsoft.com/office/officeart/2005/8/layout/vList4"/>
    <dgm:cxn modelId="{786B8704-EB23-4CC7-B888-ADB337EE02B0}" type="presParOf" srcId="{88F0C744-51AE-451B-9EC8-B8368333B805}" destId="{B381F889-3E66-4D48-B1BB-920C6CFC7A3B}" srcOrd="0" destOrd="0" presId="urn:microsoft.com/office/officeart/2005/8/layout/vList4"/>
    <dgm:cxn modelId="{C2445CBB-8D4B-41AC-9F80-9BDB839B29F7}" type="presParOf" srcId="{88F0C744-51AE-451B-9EC8-B8368333B805}" destId="{5A6BA772-621F-4360-84AA-AF7917A65323}" srcOrd="1" destOrd="0" presId="urn:microsoft.com/office/officeart/2005/8/layout/vList4"/>
    <dgm:cxn modelId="{08B87E56-1A54-45F7-B576-2698A3D46819}" type="presParOf" srcId="{88F0C744-51AE-451B-9EC8-B8368333B805}" destId="{9468B35A-AAAF-46B8-BD3B-60D5BBBE6FB6}" srcOrd="2" destOrd="0" presId="urn:microsoft.com/office/officeart/2005/8/layout/vList4"/>
    <dgm:cxn modelId="{59D8A21A-3097-470C-92E0-C33AAA9BDF04}" type="presParOf" srcId="{EB58EA3C-D3AA-4E7E-8A04-10A7D8C1AE14}" destId="{C478FD60-9AF8-41AE-8314-F75D7107A726}" srcOrd="3" destOrd="0" presId="urn:microsoft.com/office/officeart/2005/8/layout/vList4"/>
    <dgm:cxn modelId="{EEE863A6-78D2-4074-A74A-F79428538E86}" type="presParOf" srcId="{EB58EA3C-D3AA-4E7E-8A04-10A7D8C1AE14}" destId="{5B749E7D-0DE8-4B10-B9F1-E041E4B1C106}" srcOrd="4" destOrd="0" presId="urn:microsoft.com/office/officeart/2005/8/layout/vList4"/>
    <dgm:cxn modelId="{0B905C34-429C-4460-99CF-4625984A8C28}" type="presParOf" srcId="{5B749E7D-0DE8-4B10-B9F1-E041E4B1C106}" destId="{FF6D6E47-8934-4BEE-AF60-96DFC16C4100}" srcOrd="0" destOrd="0" presId="urn:microsoft.com/office/officeart/2005/8/layout/vList4"/>
    <dgm:cxn modelId="{2942EF31-ED60-46B3-BAD0-FF517B975CD4}" type="presParOf" srcId="{5B749E7D-0DE8-4B10-B9F1-E041E4B1C106}" destId="{BDBC9016-CCCC-4FE9-8EF8-3C8C39A52893}" srcOrd="1" destOrd="0" presId="urn:microsoft.com/office/officeart/2005/8/layout/vList4"/>
    <dgm:cxn modelId="{59B858BE-A5D6-47A0-B585-E010F00DED49}" type="presParOf" srcId="{5B749E7D-0DE8-4B10-B9F1-E041E4B1C106}" destId="{13AC8A3A-24B3-4C2A-AE83-5FDB9E524269}" srcOrd="2" destOrd="0" presId="urn:microsoft.com/office/officeart/2005/8/layout/vList4"/>
    <dgm:cxn modelId="{09A606AB-967F-4480-9616-C0806979A2C8}" type="presParOf" srcId="{EB58EA3C-D3AA-4E7E-8A04-10A7D8C1AE14}" destId="{D10E88DC-15B3-4E9F-928C-5A1E6CB7F693}" srcOrd="5" destOrd="0" presId="urn:microsoft.com/office/officeart/2005/8/layout/vList4"/>
    <dgm:cxn modelId="{46F24DE4-113C-4AC6-9974-E3497B7BE3DD}" type="presParOf" srcId="{EB58EA3C-D3AA-4E7E-8A04-10A7D8C1AE14}" destId="{AA60F50E-22D4-4BA8-93DD-E7C661CFD5A3}" srcOrd="6" destOrd="0" presId="urn:microsoft.com/office/officeart/2005/8/layout/vList4"/>
    <dgm:cxn modelId="{037861F6-643A-4EDC-B11F-3E73064F259D}" type="presParOf" srcId="{AA60F50E-22D4-4BA8-93DD-E7C661CFD5A3}" destId="{CD4B5DAA-2B04-4A6F-8B3C-118D44340C3F}" srcOrd="0" destOrd="0" presId="urn:microsoft.com/office/officeart/2005/8/layout/vList4"/>
    <dgm:cxn modelId="{A3E16D0F-8706-4979-9CE2-00C8F9FB5346}" type="presParOf" srcId="{AA60F50E-22D4-4BA8-93DD-E7C661CFD5A3}" destId="{3A5C2E6B-4696-482E-9DC2-2360C3932A8E}" srcOrd="1" destOrd="0" presId="urn:microsoft.com/office/officeart/2005/8/layout/vList4"/>
    <dgm:cxn modelId="{1D8F97C2-0BBC-478F-94AA-3188AED67DFB}" type="presParOf" srcId="{AA60F50E-22D4-4BA8-93DD-E7C661CFD5A3}" destId="{E3C78702-27BE-440F-8D30-39B0F6F76746}" srcOrd="2" destOrd="0" presId="urn:microsoft.com/office/officeart/2005/8/layout/vList4"/>
    <dgm:cxn modelId="{C75E27A5-4410-457B-8617-58782EE7A91E}" type="presParOf" srcId="{EB58EA3C-D3AA-4E7E-8A04-10A7D8C1AE14}" destId="{F9D18B09-78DE-40F3-90A0-05BBEF26DA52}" srcOrd="7" destOrd="0" presId="urn:microsoft.com/office/officeart/2005/8/layout/vList4"/>
    <dgm:cxn modelId="{A2A6263E-1293-471D-B038-29C63B933867}" type="presParOf" srcId="{EB58EA3C-D3AA-4E7E-8A04-10A7D8C1AE14}" destId="{30111C3A-9930-4EE4-8F96-31CE324ED33B}" srcOrd="8" destOrd="0" presId="urn:microsoft.com/office/officeart/2005/8/layout/vList4"/>
    <dgm:cxn modelId="{724D6026-1AB7-4E5A-A044-F31B96A327C8}" type="presParOf" srcId="{30111C3A-9930-4EE4-8F96-31CE324ED33B}" destId="{03615296-2C7A-4952-A2CA-C497E263B773}" srcOrd="0" destOrd="0" presId="urn:microsoft.com/office/officeart/2005/8/layout/vList4"/>
    <dgm:cxn modelId="{A7450403-44BB-4EB0-9AA4-AC83E9CDA2B4}" type="presParOf" srcId="{30111C3A-9930-4EE4-8F96-31CE324ED33B}" destId="{62511C64-01E1-47E4-8002-C255FA33A30E}" srcOrd="1" destOrd="0" presId="urn:microsoft.com/office/officeart/2005/8/layout/vList4"/>
    <dgm:cxn modelId="{B0138405-5731-4DA7-AF57-554577B53F4B}" type="presParOf" srcId="{30111C3A-9930-4EE4-8F96-31CE324ED33B}" destId="{981D3BB5-95B8-4F42-A00E-E20272517E7C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9C6CA23-62D9-4217-8030-BC94267DAFBD}">
      <dsp:nvSpPr>
        <dsp:cNvPr id="0" name=""/>
        <dsp:cNvSpPr/>
      </dsp:nvSpPr>
      <dsp:spPr>
        <a:xfrm>
          <a:off x="5124655" y="3296920"/>
          <a:ext cx="2371173" cy="3561079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4610" tIns="54610" rIns="54610" bIns="54610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4300" kern="1200" noProof="0" dirty="0"/>
            <a:t>Czech access to the sea</a:t>
          </a:r>
        </a:p>
      </dsp:txBody>
      <dsp:txXfrm>
        <a:off x="5471905" y="3818428"/>
        <a:ext cx="1676673" cy="2518063"/>
      </dsp:txXfrm>
    </dsp:sp>
    <dsp:sp modelId="{1C8FF046-E983-4564-9C92-29C2C8B70C12}">
      <dsp:nvSpPr>
        <dsp:cNvPr id="0" name=""/>
        <dsp:cNvSpPr/>
      </dsp:nvSpPr>
      <dsp:spPr>
        <a:xfrm rot="17507312">
          <a:off x="6678380" y="1892402"/>
          <a:ext cx="1509933" cy="750927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3200" kern="1200" noProof="0" dirty="0"/>
        </a:p>
      </dsp:txBody>
      <dsp:txXfrm>
        <a:off x="6749209" y="2147179"/>
        <a:ext cx="1284655" cy="450557"/>
      </dsp:txXfrm>
    </dsp:sp>
    <dsp:sp modelId="{AE328CC6-CC25-4E30-832D-1A63EAFEE196}">
      <dsp:nvSpPr>
        <dsp:cNvPr id="0" name=""/>
        <dsp:cNvSpPr/>
      </dsp:nvSpPr>
      <dsp:spPr>
        <a:xfrm>
          <a:off x="7319328" y="8"/>
          <a:ext cx="1674964" cy="916042"/>
        </a:xfrm>
        <a:prstGeom prst="ellipse">
          <a:avLst/>
        </a:prstGeom>
        <a:solidFill>
          <a:schemeClr val="accent1"/>
        </a:solid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3600" b="1" kern="1200" noProof="0" dirty="0"/>
            <a:t>Oder</a:t>
          </a:r>
        </a:p>
      </dsp:txBody>
      <dsp:txXfrm>
        <a:off x="7564621" y="134159"/>
        <a:ext cx="1184378" cy="647740"/>
      </dsp:txXfrm>
    </dsp:sp>
    <dsp:sp modelId="{FC712BDA-53A3-4FF6-BB11-60BDC6D7E212}">
      <dsp:nvSpPr>
        <dsp:cNvPr id="0" name=""/>
        <dsp:cNvSpPr/>
      </dsp:nvSpPr>
      <dsp:spPr>
        <a:xfrm rot="896451">
          <a:off x="8013148" y="5342424"/>
          <a:ext cx="1394225" cy="750927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3200" kern="1200" noProof="0" dirty="0"/>
        </a:p>
      </dsp:txBody>
      <dsp:txXfrm>
        <a:off x="8016956" y="5463568"/>
        <a:ext cx="1168947" cy="450557"/>
      </dsp:txXfrm>
    </dsp:sp>
    <dsp:sp modelId="{15ED5624-EE6C-4E10-B4E0-33E64AEADBB8}">
      <dsp:nvSpPr>
        <dsp:cNvPr id="0" name=""/>
        <dsp:cNvSpPr/>
      </dsp:nvSpPr>
      <dsp:spPr>
        <a:xfrm>
          <a:off x="9854220" y="5812111"/>
          <a:ext cx="2337776" cy="1045888"/>
        </a:xfrm>
        <a:prstGeom prst="ellipse">
          <a:avLst/>
        </a:prstGeom>
        <a:solidFill>
          <a:schemeClr val="accent1"/>
        </a:solid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3600" b="1" kern="1200" noProof="0" dirty="0"/>
            <a:t>Danube</a:t>
          </a:r>
        </a:p>
      </dsp:txBody>
      <dsp:txXfrm>
        <a:off x="10196579" y="5965278"/>
        <a:ext cx="1653058" cy="739554"/>
      </dsp:txXfrm>
    </dsp:sp>
    <dsp:sp modelId="{6968001F-2DDA-4329-94D2-3D2893E5935B}">
      <dsp:nvSpPr>
        <dsp:cNvPr id="0" name=""/>
        <dsp:cNvSpPr/>
      </dsp:nvSpPr>
      <dsp:spPr>
        <a:xfrm rot="12128432">
          <a:off x="2425630" y="3535099"/>
          <a:ext cx="2033425" cy="750927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3200" kern="1200" noProof="0" dirty="0"/>
        </a:p>
      </dsp:txBody>
      <dsp:txXfrm rot="10800000">
        <a:off x="2642602" y="3727735"/>
        <a:ext cx="1808147" cy="450557"/>
      </dsp:txXfrm>
    </dsp:sp>
    <dsp:sp modelId="{2DA45141-BF98-4BE9-9D5D-DBE033617F08}">
      <dsp:nvSpPr>
        <dsp:cNvPr id="0" name=""/>
        <dsp:cNvSpPr/>
      </dsp:nvSpPr>
      <dsp:spPr>
        <a:xfrm>
          <a:off x="0" y="2382270"/>
          <a:ext cx="1787539" cy="982648"/>
        </a:xfrm>
        <a:prstGeom prst="ellipse">
          <a:avLst/>
        </a:prstGeom>
        <a:solidFill>
          <a:schemeClr val="accent1"/>
        </a:solid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3600" b="1" kern="1200" noProof="0" dirty="0"/>
            <a:t>Elbe</a:t>
          </a:r>
          <a:endParaRPr lang="en-GB" sz="3600" b="1" kern="1200" noProof="0" dirty="0"/>
        </a:p>
      </dsp:txBody>
      <dsp:txXfrm>
        <a:off x="261779" y="2526175"/>
        <a:ext cx="1263981" cy="69483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A62B72D-FB4E-4B0D-8AF0-EB2CCD54B513}">
      <dsp:nvSpPr>
        <dsp:cNvPr id="0" name=""/>
        <dsp:cNvSpPr/>
      </dsp:nvSpPr>
      <dsp:spPr>
        <a:xfrm>
          <a:off x="1917688" y="2405554"/>
          <a:ext cx="2032623" cy="947768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 err="1">
              <a:latin typeface="Arial Black" panose="020B0A04020102020204" pitchFamily="34" charset="0"/>
            </a:rPr>
            <a:t>Gesamtkonzept</a:t>
          </a:r>
          <a:r>
            <a:rPr lang="en-GB" sz="1000" kern="1200" noProof="0" dirty="0">
              <a:latin typeface="Arial Black" panose="020B0A04020102020204" pitchFamily="34" charset="0"/>
            </a:rPr>
            <a:t> Elbe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NGOs</a:t>
          </a:r>
        </a:p>
      </dsp:txBody>
      <dsp:txXfrm>
        <a:off x="2548294" y="2663315"/>
        <a:ext cx="1381198" cy="669188"/>
      </dsp:txXfrm>
    </dsp:sp>
    <dsp:sp modelId="{5FB6D436-E359-4B5B-954F-995D7D0EFF44}">
      <dsp:nvSpPr>
        <dsp:cNvPr id="0" name=""/>
        <dsp:cNvSpPr/>
      </dsp:nvSpPr>
      <dsp:spPr>
        <a:xfrm>
          <a:off x="-48958" y="2405554"/>
          <a:ext cx="1635923" cy="947768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International treaty of the Elbe</a:t>
          </a:r>
        </a:p>
      </dsp:txBody>
      <dsp:txXfrm>
        <a:off x="-28139" y="2663315"/>
        <a:ext cx="1103508" cy="669188"/>
      </dsp:txXfrm>
    </dsp:sp>
    <dsp:sp modelId="{39F821B7-9D46-4A79-BF21-39F834E8235F}">
      <dsp:nvSpPr>
        <dsp:cNvPr id="0" name=""/>
        <dsp:cNvSpPr/>
      </dsp:nvSpPr>
      <dsp:spPr>
        <a:xfrm>
          <a:off x="2166574" y="415257"/>
          <a:ext cx="1534851" cy="1275266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Bottleneck on the D/CZ border</a:t>
          </a:r>
        </a:p>
      </dsp:txBody>
      <dsp:txXfrm>
        <a:off x="2655042" y="443270"/>
        <a:ext cx="1018369" cy="900423"/>
      </dsp:txXfrm>
    </dsp:sp>
    <dsp:sp modelId="{3A0E0EB5-6886-413C-8557-B41DB27CB8C2}">
      <dsp:nvSpPr>
        <dsp:cNvPr id="0" name=""/>
        <dsp:cNvSpPr/>
      </dsp:nvSpPr>
      <dsp:spPr>
        <a:xfrm>
          <a:off x="-48958" y="-50873"/>
          <a:ext cx="1635923" cy="2207527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Existing waterway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Fleet adapted to the local conditions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Czech territories in Hamburg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 err="1">
              <a:latin typeface="Arial Black" panose="020B0A04020102020204" pitchFamily="34" charset="0"/>
            </a:rPr>
            <a:t>Gesamtkonzept</a:t>
          </a:r>
          <a:r>
            <a:rPr lang="en-GB" sz="1000" kern="1200" noProof="0" dirty="0">
              <a:latin typeface="Arial Black" panose="020B0A04020102020204" pitchFamily="34" charset="0"/>
            </a:rPr>
            <a:t> Elbe</a:t>
          </a:r>
        </a:p>
      </dsp:txBody>
      <dsp:txXfrm>
        <a:off x="-15418" y="-17333"/>
        <a:ext cx="1078066" cy="1588565"/>
      </dsp:txXfrm>
    </dsp:sp>
    <dsp:sp modelId="{62582212-3FA2-4B8B-9ADA-A9B2435718C1}">
      <dsp:nvSpPr>
        <dsp:cNvPr id="0" name=""/>
        <dsp:cNvSpPr/>
      </dsp:nvSpPr>
      <dsp:spPr>
        <a:xfrm>
          <a:off x="1202245" y="917087"/>
          <a:ext cx="763458" cy="726100"/>
        </a:xfrm>
        <a:prstGeom prst="pieWedge">
          <a:avLst/>
        </a:prstGeom>
        <a:solidFill>
          <a:schemeClr val="accent6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 noProof="0" dirty="0"/>
            <a:t>Strengths</a:t>
          </a:r>
        </a:p>
      </dsp:txBody>
      <dsp:txXfrm>
        <a:off x="1425857" y="1129757"/>
        <a:ext cx="539846" cy="513430"/>
      </dsp:txXfrm>
    </dsp:sp>
    <dsp:sp modelId="{D1F20547-AB51-4D53-B6E3-05233DA54119}">
      <dsp:nvSpPr>
        <dsp:cNvPr id="0" name=""/>
        <dsp:cNvSpPr/>
      </dsp:nvSpPr>
      <dsp:spPr>
        <a:xfrm rot="5400000">
          <a:off x="1992128" y="888359"/>
          <a:ext cx="726100" cy="763458"/>
        </a:xfrm>
        <a:prstGeom prst="pieWedge">
          <a:avLst/>
        </a:prstGeom>
        <a:solidFill>
          <a:schemeClr val="accent2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 noProof="0" dirty="0"/>
            <a:t>Weaknesses</a:t>
          </a:r>
        </a:p>
      </dsp:txBody>
      <dsp:txXfrm rot="-5400000">
        <a:off x="1973449" y="1119708"/>
        <a:ext cx="539846" cy="513430"/>
      </dsp:txXfrm>
    </dsp:sp>
    <dsp:sp modelId="{DF51261D-F7D6-4884-9F1F-C48F882D18E9}">
      <dsp:nvSpPr>
        <dsp:cNvPr id="0" name=""/>
        <dsp:cNvSpPr/>
      </dsp:nvSpPr>
      <dsp:spPr>
        <a:xfrm rot="10800000">
          <a:off x="1973449" y="1624833"/>
          <a:ext cx="763458" cy="726100"/>
        </a:xfrm>
        <a:prstGeom prst="pieWedge">
          <a:avLst/>
        </a:prstGeom>
        <a:solidFill>
          <a:srgbClr val="FF0000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 noProof="0" dirty="0"/>
            <a:t>Threats</a:t>
          </a:r>
        </a:p>
      </dsp:txBody>
      <dsp:txXfrm rot="10800000">
        <a:off x="1973449" y="1624833"/>
        <a:ext cx="539846" cy="513430"/>
      </dsp:txXfrm>
    </dsp:sp>
    <dsp:sp modelId="{437C59A2-2C2B-4CDB-9ADB-A1F04908C95D}">
      <dsp:nvSpPr>
        <dsp:cNvPr id="0" name=""/>
        <dsp:cNvSpPr/>
      </dsp:nvSpPr>
      <dsp:spPr>
        <a:xfrm rot="16200000">
          <a:off x="1210875" y="1598594"/>
          <a:ext cx="726100" cy="763458"/>
        </a:xfrm>
        <a:prstGeom prst="pieWedge">
          <a:avLst/>
        </a:prstGeom>
        <a:solidFill>
          <a:srgbClr val="E127C6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000" kern="1200" noProof="0" dirty="0"/>
            <a:t>Opportunities</a:t>
          </a:r>
        </a:p>
      </dsp:txBody>
      <dsp:txXfrm rot="5400000">
        <a:off x="1415808" y="1617273"/>
        <a:ext cx="539846" cy="513430"/>
      </dsp:txXfrm>
    </dsp:sp>
    <dsp:sp modelId="{762E5A34-08B5-43F4-8FF3-A0C1D9D000BE}">
      <dsp:nvSpPr>
        <dsp:cNvPr id="0" name=""/>
        <dsp:cNvSpPr/>
      </dsp:nvSpPr>
      <dsp:spPr>
        <a:xfrm>
          <a:off x="1749890" y="1409475"/>
          <a:ext cx="401572" cy="349193"/>
        </a:xfrm>
        <a:prstGeom prst="circularArrow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678674A-44A1-4D12-884F-0702E608FCF1}">
      <dsp:nvSpPr>
        <dsp:cNvPr id="0" name=""/>
        <dsp:cNvSpPr/>
      </dsp:nvSpPr>
      <dsp:spPr>
        <a:xfrm rot="10800000">
          <a:off x="1749890" y="1543780"/>
          <a:ext cx="401572" cy="349193"/>
        </a:xfrm>
        <a:prstGeom prst="circularArrow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A62B72D-FB4E-4B0D-8AF0-EB2CCD54B513}">
      <dsp:nvSpPr>
        <dsp:cNvPr id="0" name=""/>
        <dsp:cNvSpPr/>
      </dsp:nvSpPr>
      <dsp:spPr>
        <a:xfrm>
          <a:off x="2457633" y="1850825"/>
          <a:ext cx="1729343" cy="313834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200" kern="1200" noProof="0" dirty="0">
              <a:latin typeface="Arial Black" panose="020B0A04020102020204" pitchFamily="34" charset="0"/>
            </a:rPr>
            <a:t>NGOs</a:t>
          </a:r>
        </a:p>
      </dsp:txBody>
      <dsp:txXfrm>
        <a:off x="2983330" y="1936178"/>
        <a:ext cx="1196752" cy="221587"/>
      </dsp:txXfrm>
    </dsp:sp>
    <dsp:sp modelId="{89D0A210-D63B-4518-90DB-88C21B05268D}">
      <dsp:nvSpPr>
        <dsp:cNvPr id="0" name=""/>
        <dsp:cNvSpPr/>
      </dsp:nvSpPr>
      <dsp:spPr>
        <a:xfrm>
          <a:off x="-157792" y="1358621"/>
          <a:ext cx="2934172" cy="1852438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dirty="0">
              <a:latin typeface="Arial Black" panose="020B0A04020102020204" pitchFamily="34" charset="0"/>
            </a:rPr>
            <a:t>Positive results of the </a:t>
          </a:r>
          <a:r>
            <a:rPr lang="en-GB" sz="1000" kern="1200" noProof="0" dirty="0">
              <a:latin typeface="Arial Black" panose="020B0A04020102020204" pitchFamily="34" charset="0"/>
            </a:rPr>
            <a:t>Feasibility</a:t>
          </a:r>
          <a:r>
            <a:rPr lang="en-GB" sz="1000" kern="1200" dirty="0">
              <a:latin typeface="Arial Black" panose="020B0A04020102020204" pitchFamily="34" charset="0"/>
            </a:rPr>
            <a:t> study for the Oder-branch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dirty="0">
              <a:latin typeface="Arial Black" panose="020B0A04020102020204" pitchFamily="34" charset="0"/>
            </a:rPr>
            <a:t>Great interest of the local authorities and potential users of the waterway</a:t>
          </a:r>
        </a:p>
      </dsp:txBody>
      <dsp:txXfrm>
        <a:off x="-117100" y="1862423"/>
        <a:ext cx="1972536" cy="1307945"/>
      </dsp:txXfrm>
    </dsp:sp>
    <dsp:sp modelId="{39F821B7-9D46-4A79-BF21-39F834E8235F}">
      <dsp:nvSpPr>
        <dsp:cNvPr id="0" name=""/>
        <dsp:cNvSpPr/>
      </dsp:nvSpPr>
      <dsp:spPr>
        <a:xfrm>
          <a:off x="2457710" y="188964"/>
          <a:ext cx="1622499" cy="103834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Water conditions on the middle and upper Oder</a:t>
          </a:r>
        </a:p>
      </dsp:txBody>
      <dsp:txXfrm>
        <a:off x="2967269" y="211773"/>
        <a:ext cx="1090131" cy="733140"/>
      </dsp:txXfrm>
    </dsp:sp>
    <dsp:sp modelId="{3A0E0EB5-6886-413C-8557-B41DB27CB8C2}">
      <dsp:nvSpPr>
        <dsp:cNvPr id="0" name=""/>
        <dsp:cNvSpPr/>
      </dsp:nvSpPr>
      <dsp:spPr>
        <a:xfrm>
          <a:off x="426835" y="-212103"/>
          <a:ext cx="1729343" cy="1393540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dirty="0">
              <a:latin typeface="Arial Black" panose="020B0A04020102020204" pitchFamily="34" charset="0"/>
            </a:rPr>
            <a:t>Polish </a:t>
          </a:r>
          <a:r>
            <a:rPr lang="en-GB" sz="1000" kern="1200" noProof="0" dirty="0">
              <a:latin typeface="Arial Black" panose="020B0A04020102020204" pitchFamily="34" charset="0"/>
            </a:rPr>
            <a:t>approach</a:t>
          </a:r>
          <a:r>
            <a:rPr lang="en-GB" sz="1000" kern="1200" dirty="0">
              <a:latin typeface="Arial Black" panose="020B0A04020102020204" pitchFamily="34" charset="0"/>
            </a:rPr>
            <a:t> to their IWT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dirty="0">
              <a:latin typeface="Arial Black" panose="020B0A04020102020204" pitchFamily="34" charset="0"/>
            </a:rPr>
            <a:t>Polish interest in the international cooperation</a:t>
          </a:r>
        </a:p>
      </dsp:txBody>
      <dsp:txXfrm>
        <a:off x="457447" y="-181491"/>
        <a:ext cx="1149316" cy="983931"/>
      </dsp:txXfrm>
    </dsp:sp>
    <dsp:sp modelId="{62582212-3FA2-4B8B-9ADA-A9B2435718C1}">
      <dsp:nvSpPr>
        <dsp:cNvPr id="0" name=""/>
        <dsp:cNvSpPr/>
      </dsp:nvSpPr>
      <dsp:spPr>
        <a:xfrm>
          <a:off x="1368620" y="692392"/>
          <a:ext cx="807055" cy="767564"/>
        </a:xfrm>
        <a:prstGeom prst="pieWedge">
          <a:avLst/>
        </a:prstGeom>
        <a:solidFill>
          <a:schemeClr val="accent6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1000" kern="1200" dirty="0" err="1"/>
            <a:t>Strengths</a:t>
          </a:r>
          <a:endParaRPr lang="cs-CZ" sz="1000" kern="1200" dirty="0"/>
        </a:p>
      </dsp:txBody>
      <dsp:txXfrm>
        <a:off x="1605001" y="917206"/>
        <a:ext cx="570674" cy="542750"/>
      </dsp:txXfrm>
    </dsp:sp>
    <dsp:sp modelId="{D1F20547-AB51-4D53-B6E3-05233DA54119}">
      <dsp:nvSpPr>
        <dsp:cNvPr id="0" name=""/>
        <dsp:cNvSpPr/>
      </dsp:nvSpPr>
      <dsp:spPr>
        <a:xfrm rot="5400000">
          <a:off x="2179941" y="663757"/>
          <a:ext cx="767564" cy="807055"/>
        </a:xfrm>
        <a:prstGeom prst="pieWedge">
          <a:avLst/>
        </a:prstGeom>
        <a:solidFill>
          <a:schemeClr val="accent2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1000" kern="1200" dirty="0" err="1"/>
            <a:t>Weaknesses</a:t>
          </a:r>
          <a:endParaRPr lang="cs-CZ" sz="1000" kern="1200" dirty="0"/>
        </a:p>
      </dsp:txBody>
      <dsp:txXfrm rot="-5400000">
        <a:off x="2160196" y="908317"/>
        <a:ext cx="570674" cy="542750"/>
      </dsp:txXfrm>
    </dsp:sp>
    <dsp:sp modelId="{DF51261D-F7D6-4884-9F1F-C48F882D18E9}">
      <dsp:nvSpPr>
        <dsp:cNvPr id="0" name=""/>
        <dsp:cNvSpPr/>
      </dsp:nvSpPr>
      <dsp:spPr>
        <a:xfrm rot="10800000">
          <a:off x="2169085" y="1452197"/>
          <a:ext cx="807055" cy="767564"/>
        </a:xfrm>
        <a:prstGeom prst="pieWedge">
          <a:avLst/>
        </a:prstGeom>
        <a:solidFill>
          <a:srgbClr val="FF0000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1000" kern="1200" dirty="0" err="1"/>
            <a:t>Threats</a:t>
          </a:r>
          <a:endParaRPr lang="cs-CZ" sz="1000" kern="1200" dirty="0"/>
        </a:p>
      </dsp:txBody>
      <dsp:txXfrm rot="10800000">
        <a:off x="2169085" y="1452197"/>
        <a:ext cx="570674" cy="542750"/>
      </dsp:txXfrm>
    </dsp:sp>
    <dsp:sp modelId="{437C59A2-2C2B-4CDB-9ADB-A1F04908C95D}">
      <dsp:nvSpPr>
        <dsp:cNvPr id="0" name=""/>
        <dsp:cNvSpPr/>
      </dsp:nvSpPr>
      <dsp:spPr>
        <a:xfrm rot="16200000">
          <a:off x="1388366" y="1442251"/>
          <a:ext cx="767564" cy="807055"/>
        </a:xfrm>
        <a:prstGeom prst="pieWedge">
          <a:avLst/>
        </a:prstGeom>
        <a:solidFill>
          <a:srgbClr val="E127C6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1000" kern="1200" dirty="0" err="1"/>
            <a:t>Opportunities</a:t>
          </a:r>
          <a:endParaRPr lang="cs-CZ" sz="1000" kern="1200" dirty="0"/>
        </a:p>
      </dsp:txBody>
      <dsp:txXfrm rot="5400000">
        <a:off x="1605002" y="1461997"/>
        <a:ext cx="570674" cy="542750"/>
      </dsp:txXfrm>
    </dsp:sp>
    <dsp:sp modelId="{762E5A34-08B5-43F4-8FF3-A0C1D9D000BE}">
      <dsp:nvSpPr>
        <dsp:cNvPr id="0" name=""/>
        <dsp:cNvSpPr/>
      </dsp:nvSpPr>
      <dsp:spPr>
        <a:xfrm>
          <a:off x="1940149" y="1221553"/>
          <a:ext cx="424503" cy="369133"/>
        </a:xfrm>
        <a:prstGeom prst="circularArrow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678674A-44A1-4D12-884F-0702E608FCF1}">
      <dsp:nvSpPr>
        <dsp:cNvPr id="0" name=""/>
        <dsp:cNvSpPr/>
      </dsp:nvSpPr>
      <dsp:spPr>
        <a:xfrm rot="10800000">
          <a:off x="1940149" y="1363528"/>
          <a:ext cx="424503" cy="369133"/>
        </a:xfrm>
        <a:prstGeom prst="circularArrow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A62B72D-FB4E-4B0D-8AF0-EB2CCD54B513}">
      <dsp:nvSpPr>
        <dsp:cNvPr id="0" name=""/>
        <dsp:cNvSpPr/>
      </dsp:nvSpPr>
      <dsp:spPr>
        <a:xfrm>
          <a:off x="2346800" y="2332539"/>
          <a:ext cx="1850284" cy="335782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NGOs</a:t>
          </a:r>
        </a:p>
      </dsp:txBody>
      <dsp:txXfrm>
        <a:off x="2909262" y="2423861"/>
        <a:ext cx="1280446" cy="237084"/>
      </dsp:txXfrm>
    </dsp:sp>
    <dsp:sp modelId="{89D0A210-D63B-4518-90DB-88C21B05268D}">
      <dsp:nvSpPr>
        <dsp:cNvPr id="0" name=""/>
        <dsp:cNvSpPr/>
      </dsp:nvSpPr>
      <dsp:spPr>
        <a:xfrm>
          <a:off x="-99054" y="1111177"/>
          <a:ext cx="2422286" cy="2158040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Positive results of the Feasibility study for the Danube-branch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Possible connection directly from Morava to Vah passing the Austrian territory </a:t>
          </a:r>
        </a:p>
      </dsp:txBody>
      <dsp:txXfrm>
        <a:off x="-51649" y="1698092"/>
        <a:ext cx="1600790" cy="1523720"/>
      </dsp:txXfrm>
    </dsp:sp>
    <dsp:sp modelId="{39F821B7-9D46-4A79-BF21-39F834E8235F}">
      <dsp:nvSpPr>
        <dsp:cNvPr id="0" name=""/>
        <dsp:cNvSpPr/>
      </dsp:nvSpPr>
      <dsp:spPr>
        <a:xfrm>
          <a:off x="2340820" y="269248"/>
          <a:ext cx="1735967" cy="804626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Austria</a:t>
          </a:r>
        </a:p>
      </dsp:txBody>
      <dsp:txXfrm>
        <a:off x="2879285" y="286923"/>
        <a:ext cx="1179827" cy="568119"/>
      </dsp:txXfrm>
    </dsp:sp>
    <dsp:sp modelId="{3A0E0EB5-6886-413C-8557-B41DB27CB8C2}">
      <dsp:nvSpPr>
        <dsp:cNvPr id="0" name=""/>
        <dsp:cNvSpPr/>
      </dsp:nvSpPr>
      <dsp:spPr>
        <a:xfrm>
          <a:off x="-65188" y="60671"/>
          <a:ext cx="2354554" cy="743583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000" kern="1200" noProof="0" dirty="0">
              <a:latin typeface="Arial Black" panose="020B0A04020102020204" pitchFamily="34" charset="0"/>
            </a:rPr>
            <a:t>Slovak interest in the international cooperation</a:t>
          </a:r>
        </a:p>
      </dsp:txBody>
      <dsp:txXfrm>
        <a:off x="-48854" y="77005"/>
        <a:ext cx="1615520" cy="525019"/>
      </dsp:txXfrm>
    </dsp:sp>
    <dsp:sp modelId="{62582212-3FA2-4B8B-9ADA-A9B2435718C1}">
      <dsp:nvSpPr>
        <dsp:cNvPr id="0" name=""/>
        <dsp:cNvSpPr/>
      </dsp:nvSpPr>
      <dsp:spPr>
        <a:xfrm>
          <a:off x="1354836" y="828432"/>
          <a:ext cx="863496" cy="821243"/>
        </a:xfrm>
        <a:prstGeom prst="pieWedge">
          <a:avLst/>
        </a:prstGeom>
        <a:solidFill>
          <a:schemeClr val="accent6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1000" kern="1200" dirty="0" err="1"/>
            <a:t>Strengths</a:t>
          </a:r>
          <a:endParaRPr lang="cs-CZ" sz="1000" kern="1200" dirty="0"/>
        </a:p>
      </dsp:txBody>
      <dsp:txXfrm>
        <a:off x="1607748" y="1068969"/>
        <a:ext cx="610584" cy="580706"/>
      </dsp:txXfrm>
    </dsp:sp>
    <dsp:sp modelId="{D1F20547-AB51-4D53-B6E3-05233DA54119}">
      <dsp:nvSpPr>
        <dsp:cNvPr id="0" name=""/>
        <dsp:cNvSpPr/>
      </dsp:nvSpPr>
      <dsp:spPr>
        <a:xfrm rot="5400000">
          <a:off x="2222896" y="797794"/>
          <a:ext cx="821243" cy="863496"/>
        </a:xfrm>
        <a:prstGeom prst="pieWedge">
          <a:avLst/>
        </a:prstGeom>
        <a:solidFill>
          <a:schemeClr val="accent2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1000" kern="1200" dirty="0" err="1"/>
            <a:t>Weaknesses</a:t>
          </a:r>
          <a:endParaRPr lang="cs-CZ" sz="1000" kern="1200" dirty="0"/>
        </a:p>
      </dsp:txBody>
      <dsp:txXfrm rot="-5400000">
        <a:off x="2201770" y="1059458"/>
        <a:ext cx="610584" cy="580706"/>
      </dsp:txXfrm>
    </dsp:sp>
    <dsp:sp modelId="{DF51261D-F7D6-4884-9F1F-C48F882D18E9}">
      <dsp:nvSpPr>
        <dsp:cNvPr id="0" name=""/>
        <dsp:cNvSpPr/>
      </dsp:nvSpPr>
      <dsp:spPr>
        <a:xfrm rot="10800000">
          <a:off x="2211281" y="1641374"/>
          <a:ext cx="863496" cy="821243"/>
        </a:xfrm>
        <a:prstGeom prst="pieWedge">
          <a:avLst/>
        </a:prstGeom>
        <a:solidFill>
          <a:srgbClr val="FF0000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1000" kern="1200" dirty="0" err="1"/>
            <a:t>Threats</a:t>
          </a:r>
          <a:endParaRPr lang="cs-CZ" sz="1000" kern="1200" dirty="0"/>
        </a:p>
      </dsp:txBody>
      <dsp:txXfrm rot="10800000">
        <a:off x="2211281" y="1641374"/>
        <a:ext cx="610584" cy="580706"/>
      </dsp:txXfrm>
    </dsp:sp>
    <dsp:sp modelId="{437C59A2-2C2B-4CDB-9ADB-A1F04908C95D}">
      <dsp:nvSpPr>
        <dsp:cNvPr id="0" name=""/>
        <dsp:cNvSpPr/>
      </dsp:nvSpPr>
      <dsp:spPr>
        <a:xfrm rot="16200000">
          <a:off x="1375962" y="1630732"/>
          <a:ext cx="821243" cy="863496"/>
        </a:xfrm>
        <a:prstGeom prst="pieWedge">
          <a:avLst/>
        </a:prstGeom>
        <a:solidFill>
          <a:srgbClr val="E127C6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120" tIns="71120" rIns="71120" bIns="7112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1000" kern="1200" dirty="0" err="1"/>
            <a:t>Opportunities</a:t>
          </a:r>
          <a:endParaRPr lang="cs-CZ" sz="1000" kern="1200" dirty="0"/>
        </a:p>
      </dsp:txBody>
      <dsp:txXfrm rot="5400000">
        <a:off x="1607748" y="1651859"/>
        <a:ext cx="610584" cy="580706"/>
      </dsp:txXfrm>
    </dsp:sp>
    <dsp:sp modelId="{762E5A34-08B5-43F4-8FF3-A0C1D9D000BE}">
      <dsp:nvSpPr>
        <dsp:cNvPr id="0" name=""/>
        <dsp:cNvSpPr/>
      </dsp:nvSpPr>
      <dsp:spPr>
        <a:xfrm>
          <a:off x="1966334" y="1394600"/>
          <a:ext cx="454191" cy="394949"/>
        </a:xfrm>
        <a:prstGeom prst="circularArrow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678674A-44A1-4D12-884F-0702E608FCF1}">
      <dsp:nvSpPr>
        <dsp:cNvPr id="0" name=""/>
        <dsp:cNvSpPr/>
      </dsp:nvSpPr>
      <dsp:spPr>
        <a:xfrm rot="10800000">
          <a:off x="1966334" y="1546503"/>
          <a:ext cx="454191" cy="394949"/>
        </a:xfrm>
        <a:prstGeom prst="circularArrow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A7BE52-A243-4562-9363-5502E99F0A80}">
      <dsp:nvSpPr>
        <dsp:cNvPr id="0" name=""/>
        <dsp:cNvSpPr/>
      </dsp:nvSpPr>
      <dsp:spPr>
        <a:xfrm>
          <a:off x="1229380" y="154533"/>
          <a:ext cx="3066897" cy="1065093"/>
        </a:xfrm>
        <a:prstGeom prst="ellipse">
          <a:avLst/>
        </a:prstGeom>
        <a:solidFill>
          <a:schemeClr val="accent1">
            <a:tint val="50000"/>
            <a:alpha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9A286B6-8F5C-485B-8E95-0E86B25D98E7}">
      <dsp:nvSpPr>
        <dsp:cNvPr id="0" name=""/>
        <dsp:cNvSpPr/>
      </dsp:nvSpPr>
      <dsp:spPr>
        <a:xfrm>
          <a:off x="2470404" y="2762585"/>
          <a:ext cx="594360" cy="380390"/>
        </a:xfrm>
        <a:prstGeom prst="downArrow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547E08B-C41C-4195-9BFC-A6F7B43819CF}">
      <dsp:nvSpPr>
        <dsp:cNvPr id="0" name=""/>
        <dsp:cNvSpPr/>
      </dsp:nvSpPr>
      <dsp:spPr>
        <a:xfrm>
          <a:off x="1" y="3066897"/>
          <a:ext cx="5535165" cy="71323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800" tIns="177800" rIns="177800" bIns="17780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2500" b="1" kern="1200" cap="none" spc="0" dirty="0" err="1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Need</a:t>
          </a:r>
          <a:r>
            <a:rPr lang="cs-CZ" sz="2500" b="1" kern="1200" cap="none" spc="0" dirty="0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 </a:t>
          </a:r>
          <a:r>
            <a:rPr lang="cs-CZ" sz="2500" b="1" kern="1200" cap="none" spc="0" dirty="0" err="1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for</a:t>
          </a:r>
          <a:r>
            <a:rPr lang="cs-CZ" sz="2500" b="1" kern="1200" cap="none" spc="0" dirty="0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 </a:t>
          </a:r>
          <a:r>
            <a:rPr lang="cs-CZ" sz="2500" b="1" kern="1200" cap="none" spc="0" dirty="0" err="1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information</a:t>
          </a:r>
          <a:r>
            <a:rPr lang="cs-CZ" sz="2500" b="1" kern="1200" cap="none" spc="0" dirty="0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 </a:t>
          </a:r>
          <a:r>
            <a:rPr lang="cs-CZ" sz="2500" b="1" kern="1200" cap="none" spc="0" dirty="0" err="1">
              <a:ln w="12700">
                <a:solidFill>
                  <a:schemeClr val="accent1"/>
                </a:solidFill>
                <a:prstDash val="solid"/>
              </a:ln>
              <a:pattFill prst="pct50">
                <a:fgClr>
                  <a:schemeClr val="accent1"/>
                </a:fgClr>
                <a:bgClr>
                  <a:schemeClr val="accent1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accent1"/>
                </a:outerShdw>
              </a:effectLst>
            </a:rPr>
            <a:t>centres</a:t>
          </a:r>
          <a:endParaRPr lang="en-GB" sz="2500" b="1" kern="1200" cap="none" spc="0" dirty="0">
            <a:ln w="12700">
              <a:solidFill>
                <a:schemeClr val="accent1"/>
              </a:solidFill>
              <a:prstDash val="solid"/>
            </a:ln>
            <a:pattFill prst="pct50">
              <a:fgClr>
                <a:schemeClr val="accent1"/>
              </a:fgClr>
              <a:bgClr>
                <a:schemeClr val="accent1">
                  <a:lumMod val="20000"/>
                  <a:lumOff val="80000"/>
                </a:schemeClr>
              </a:bgClr>
            </a:pattFill>
            <a:effectLst>
              <a:outerShdw dist="38100" dir="2640000" algn="bl" rotWithShape="0">
                <a:schemeClr val="accent1"/>
              </a:outerShdw>
            </a:effectLst>
          </a:endParaRPr>
        </a:p>
      </dsp:txBody>
      <dsp:txXfrm>
        <a:off x="1" y="3066897"/>
        <a:ext cx="5535165" cy="713232"/>
      </dsp:txXfrm>
    </dsp:sp>
    <dsp:sp modelId="{E146BB69-79C5-485F-B90D-67F5850A919E}">
      <dsp:nvSpPr>
        <dsp:cNvPr id="0" name=""/>
        <dsp:cNvSpPr/>
      </dsp:nvSpPr>
      <dsp:spPr>
        <a:xfrm>
          <a:off x="6" y="23774"/>
          <a:ext cx="5535155" cy="2662732"/>
        </a:xfrm>
        <a:prstGeom prst="funnel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CC10552-AA3C-4DA1-A152-E60755642CF2}">
      <dsp:nvSpPr>
        <dsp:cNvPr id="0" name=""/>
        <dsp:cNvSpPr/>
      </dsp:nvSpPr>
      <dsp:spPr>
        <a:xfrm>
          <a:off x="0" y="0"/>
          <a:ext cx="10128738" cy="9023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p3d extrusionH="190500" prstMaterial="matte">
          <a:bevelT w="120650" h="38100" prst="relaxedInset"/>
          <a:bevelB w="120650" h="571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25730" tIns="125730" rIns="125730" bIns="125730" numCol="1" spcCol="1270" anchor="ctr" anchorCtr="0">
          <a:noAutofit/>
        </a:bodyPr>
        <a:lstStyle/>
        <a:p>
          <a:pPr marL="0" lvl="0" indent="0" algn="l" defTabSz="1466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3300" kern="1200" dirty="0" err="1"/>
            <a:t>Reliable</a:t>
          </a:r>
          <a:r>
            <a:rPr lang="cs-CZ" sz="3300" kern="1200" dirty="0"/>
            <a:t> </a:t>
          </a:r>
          <a:r>
            <a:rPr lang="cs-CZ" sz="3300" kern="1200" dirty="0" err="1"/>
            <a:t>infrastructure</a:t>
          </a:r>
          <a:endParaRPr lang="en-GB" sz="3300" kern="1200" dirty="0"/>
        </a:p>
      </dsp:txBody>
      <dsp:txXfrm>
        <a:off x="2115978" y="0"/>
        <a:ext cx="8012759" cy="902304"/>
      </dsp:txXfrm>
    </dsp:sp>
    <dsp:sp modelId="{C899EFE4-801F-4E26-B049-19941C232A8C}">
      <dsp:nvSpPr>
        <dsp:cNvPr id="0" name=""/>
        <dsp:cNvSpPr/>
      </dsp:nvSpPr>
      <dsp:spPr>
        <a:xfrm>
          <a:off x="90230" y="90230"/>
          <a:ext cx="2025747" cy="721843"/>
        </a:xfrm>
        <a:prstGeom prst="roundRect">
          <a:avLst>
            <a:gd name="adj" fmla="val 10000"/>
          </a:avLst>
        </a:prstGeom>
        <a:blipFill rotWithShape="1">
          <a:blip xmlns:r="http://schemas.openxmlformats.org/officeDocument/2006/relationships" r:embed="rId1"/>
          <a:srcRect/>
          <a:stretch>
            <a:fillRect t="-29000" b="-29000"/>
          </a:stretch>
        </a:blipFill>
        <a:ln>
          <a:noFill/>
        </a:ln>
        <a:effectLst/>
        <a:sp3d z="152400" extrusionH="63500" prstMaterial="matte">
          <a:bevelT w="50800" h="190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381F889-3E66-4D48-B1BB-920C6CFC7A3B}">
      <dsp:nvSpPr>
        <dsp:cNvPr id="0" name=""/>
        <dsp:cNvSpPr/>
      </dsp:nvSpPr>
      <dsp:spPr>
        <a:xfrm>
          <a:off x="0" y="992534"/>
          <a:ext cx="10128738" cy="9023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p3d extrusionH="190500" prstMaterial="matte">
          <a:bevelT w="120650" h="38100" prst="relaxedInset"/>
          <a:bevelB w="120650" h="571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25730" tIns="125730" rIns="125730" bIns="125730" numCol="1" spcCol="1270" anchor="ctr" anchorCtr="0">
          <a:noAutofit/>
        </a:bodyPr>
        <a:lstStyle/>
        <a:p>
          <a:pPr marL="0" lvl="0" indent="0" algn="l" defTabSz="1466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3300" kern="1200" dirty="0"/>
            <a:t>New </a:t>
          </a:r>
          <a:r>
            <a:rPr lang="cs-CZ" sz="3300" kern="1200" dirty="0" err="1"/>
            <a:t>logistic</a:t>
          </a:r>
          <a:r>
            <a:rPr lang="cs-CZ" sz="3300" kern="1200" dirty="0"/>
            <a:t> </a:t>
          </a:r>
          <a:r>
            <a:rPr lang="cs-CZ" sz="3300" kern="1200" dirty="0" err="1"/>
            <a:t>concepts</a:t>
          </a:r>
          <a:endParaRPr lang="en-GB" sz="3300" kern="1200" dirty="0"/>
        </a:p>
      </dsp:txBody>
      <dsp:txXfrm>
        <a:off x="2115978" y="992534"/>
        <a:ext cx="8012759" cy="902304"/>
      </dsp:txXfrm>
    </dsp:sp>
    <dsp:sp modelId="{5A6BA772-621F-4360-84AA-AF7917A65323}">
      <dsp:nvSpPr>
        <dsp:cNvPr id="0" name=""/>
        <dsp:cNvSpPr/>
      </dsp:nvSpPr>
      <dsp:spPr>
        <a:xfrm>
          <a:off x="90230" y="1082764"/>
          <a:ext cx="2025747" cy="721843"/>
        </a:xfrm>
        <a:prstGeom prst="roundRect">
          <a:avLst>
            <a:gd name="adj" fmla="val 10000"/>
          </a:avLst>
        </a:prstGeom>
        <a:blipFill rotWithShape="1">
          <a:blip xmlns:r="http://schemas.openxmlformats.org/officeDocument/2006/relationships" r:embed="rId2"/>
          <a:srcRect/>
          <a:stretch>
            <a:fillRect l="-18000" r="-18000"/>
          </a:stretch>
        </a:blipFill>
        <a:ln>
          <a:noFill/>
        </a:ln>
        <a:effectLst/>
        <a:sp3d z="152400" extrusionH="63500" prstMaterial="matte">
          <a:bevelT w="50800" h="190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F6D6E47-8934-4BEE-AF60-96DFC16C4100}">
      <dsp:nvSpPr>
        <dsp:cNvPr id="0" name=""/>
        <dsp:cNvSpPr/>
      </dsp:nvSpPr>
      <dsp:spPr>
        <a:xfrm>
          <a:off x="0" y="1985068"/>
          <a:ext cx="10128738" cy="9023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p3d extrusionH="190500" prstMaterial="matte">
          <a:bevelT w="120650" h="38100" prst="relaxedInset"/>
          <a:bevelB w="120650" h="571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25730" tIns="125730" rIns="125730" bIns="125730" numCol="1" spcCol="1270" anchor="ctr" anchorCtr="0">
          <a:noAutofit/>
        </a:bodyPr>
        <a:lstStyle/>
        <a:p>
          <a:pPr marL="0" lvl="0" indent="0" algn="l" defTabSz="1466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3300" kern="1200" dirty="0" err="1"/>
            <a:t>Alternative</a:t>
          </a:r>
          <a:r>
            <a:rPr lang="cs-CZ" sz="3300" kern="1200" dirty="0"/>
            <a:t> </a:t>
          </a:r>
          <a:r>
            <a:rPr lang="cs-CZ" sz="3300" kern="1200" dirty="0" err="1"/>
            <a:t>fuel</a:t>
          </a:r>
          <a:r>
            <a:rPr lang="cs-CZ" sz="3300" kern="1200" dirty="0"/>
            <a:t> </a:t>
          </a:r>
          <a:r>
            <a:rPr lang="cs-CZ" sz="3300" kern="1200" dirty="0" err="1"/>
            <a:t>concepts</a:t>
          </a:r>
          <a:endParaRPr lang="en-GB" sz="3300" kern="1200" dirty="0"/>
        </a:p>
      </dsp:txBody>
      <dsp:txXfrm>
        <a:off x="2115978" y="1985068"/>
        <a:ext cx="8012759" cy="902304"/>
      </dsp:txXfrm>
    </dsp:sp>
    <dsp:sp modelId="{BDBC9016-CCCC-4FE9-8EF8-3C8C39A52893}">
      <dsp:nvSpPr>
        <dsp:cNvPr id="0" name=""/>
        <dsp:cNvSpPr/>
      </dsp:nvSpPr>
      <dsp:spPr>
        <a:xfrm>
          <a:off x="90230" y="2075299"/>
          <a:ext cx="2025747" cy="721843"/>
        </a:xfrm>
        <a:prstGeom prst="roundRect">
          <a:avLst>
            <a:gd name="adj" fmla="val 10000"/>
          </a:avLst>
        </a:prstGeom>
        <a:blipFill rotWithShape="1">
          <a:blip xmlns:r="http://schemas.openxmlformats.org/officeDocument/2006/relationships" r:embed="rId3"/>
          <a:srcRect/>
          <a:stretch>
            <a:fillRect t="-29000" b="-29000"/>
          </a:stretch>
        </a:blipFill>
        <a:ln>
          <a:noFill/>
        </a:ln>
        <a:effectLst/>
        <a:sp3d z="152400" extrusionH="63500" prstMaterial="matte">
          <a:bevelT w="50800" h="190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D4B5DAA-2B04-4A6F-8B3C-118D44340C3F}">
      <dsp:nvSpPr>
        <dsp:cNvPr id="0" name=""/>
        <dsp:cNvSpPr/>
      </dsp:nvSpPr>
      <dsp:spPr>
        <a:xfrm>
          <a:off x="0" y="2977603"/>
          <a:ext cx="10128738" cy="9023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p3d extrusionH="190500" prstMaterial="matte">
          <a:bevelT w="120650" h="38100" prst="relaxedInset"/>
          <a:bevelB w="120650" h="571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25730" tIns="125730" rIns="125730" bIns="125730" numCol="1" spcCol="1270" anchor="ctr" anchorCtr="0">
          <a:noAutofit/>
        </a:bodyPr>
        <a:lstStyle/>
        <a:p>
          <a:pPr marL="0" lvl="0" indent="0" algn="l" defTabSz="1466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3300" kern="1200" dirty="0"/>
            <a:t>RIS</a:t>
          </a:r>
          <a:endParaRPr lang="en-GB" sz="3300" kern="1200" dirty="0"/>
        </a:p>
      </dsp:txBody>
      <dsp:txXfrm>
        <a:off x="2115978" y="2977603"/>
        <a:ext cx="8012759" cy="902304"/>
      </dsp:txXfrm>
    </dsp:sp>
    <dsp:sp modelId="{3A5C2E6B-4696-482E-9DC2-2360C3932A8E}">
      <dsp:nvSpPr>
        <dsp:cNvPr id="0" name=""/>
        <dsp:cNvSpPr/>
      </dsp:nvSpPr>
      <dsp:spPr>
        <a:xfrm>
          <a:off x="90230" y="3067833"/>
          <a:ext cx="2025747" cy="721843"/>
        </a:xfrm>
        <a:prstGeom prst="roundRect">
          <a:avLst>
            <a:gd name="adj" fmla="val 10000"/>
          </a:avLst>
        </a:prstGeom>
        <a:blipFill rotWithShape="1">
          <a:blip xmlns:r="http://schemas.openxmlformats.org/officeDocument/2006/relationships" r:embed="rId4"/>
          <a:srcRect/>
          <a:stretch>
            <a:fillRect t="-18000" b="-18000"/>
          </a:stretch>
        </a:blipFill>
        <a:ln>
          <a:noFill/>
        </a:ln>
        <a:effectLst/>
        <a:sp3d z="152400" extrusionH="63500" prstMaterial="matte">
          <a:bevelT w="50800" h="190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3615296-2C7A-4952-A2CA-C497E263B773}">
      <dsp:nvSpPr>
        <dsp:cNvPr id="0" name=""/>
        <dsp:cNvSpPr/>
      </dsp:nvSpPr>
      <dsp:spPr>
        <a:xfrm>
          <a:off x="0" y="3970137"/>
          <a:ext cx="10128738" cy="9023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p3d extrusionH="190500" prstMaterial="matte">
          <a:bevelT w="120650" h="38100" prst="relaxedInset"/>
          <a:bevelB w="120650" h="571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25730" tIns="125730" rIns="125730" bIns="125730" numCol="1" spcCol="1270" anchor="ctr" anchorCtr="0">
          <a:noAutofit/>
        </a:bodyPr>
        <a:lstStyle/>
        <a:p>
          <a:pPr marL="0" lvl="0" indent="0" algn="l" defTabSz="1466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cs-CZ" sz="3300" kern="1200" dirty="0" err="1"/>
            <a:t>Better</a:t>
          </a:r>
          <a:r>
            <a:rPr lang="cs-CZ" sz="3300" kern="1200" dirty="0"/>
            <a:t> </a:t>
          </a:r>
          <a:r>
            <a:rPr lang="cs-CZ" sz="3300" kern="1200" dirty="0" err="1"/>
            <a:t>communication</a:t>
          </a:r>
          <a:r>
            <a:rPr lang="cs-CZ" sz="3300" kern="1200" dirty="0"/>
            <a:t> – </a:t>
          </a:r>
          <a:r>
            <a:rPr lang="cs-CZ" sz="3300" kern="1200" dirty="0" err="1"/>
            <a:t>information</a:t>
          </a:r>
          <a:r>
            <a:rPr lang="cs-CZ" sz="3300" kern="1200" dirty="0"/>
            <a:t> </a:t>
          </a:r>
          <a:r>
            <a:rPr lang="cs-CZ" sz="3300" kern="1200" dirty="0" err="1"/>
            <a:t>centres</a:t>
          </a:r>
          <a:endParaRPr lang="en-GB" sz="3300" kern="1200" dirty="0"/>
        </a:p>
      </dsp:txBody>
      <dsp:txXfrm>
        <a:off x="2115978" y="3970137"/>
        <a:ext cx="8012759" cy="902304"/>
      </dsp:txXfrm>
    </dsp:sp>
    <dsp:sp modelId="{62511C64-01E1-47E4-8002-C255FA33A30E}">
      <dsp:nvSpPr>
        <dsp:cNvPr id="0" name=""/>
        <dsp:cNvSpPr/>
      </dsp:nvSpPr>
      <dsp:spPr>
        <a:xfrm>
          <a:off x="753652" y="4060368"/>
          <a:ext cx="698903" cy="721843"/>
        </a:xfrm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 t="-11000" b="-11000"/>
          </a:stretch>
        </a:blipFill>
        <a:ln>
          <a:noFill/>
        </a:ln>
        <a:effectLst/>
        <a:sp3d z="152400" extrusionH="63500" prstMaterial="matte">
          <a:bevelT w="50800" h="190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radial5">
  <dgm:title val=""/>
  <dgm:desc val=""/>
  <dgm:catLst>
    <dgm:cat type="relationship" pri="23000"/>
    <dgm:cat type="cycle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Name0">
    <dgm:varLst>
      <dgm:chMax val="1"/>
      <dgm:dir/>
      <dgm:animLvl val="ctr"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  <dgm:param type="ctrShpMap" val="fNode"/>
        </dgm:alg>
      </dgm:if>
      <dgm:else name="Name3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parTrans" refType="w" refFor="ch" refForName="centerShape" fact="0.4"/>
      <dgm:constr type="w" for="ch" forName="node" refType="w" refFor="ch" refForName="centerShape" op="equ" fact="1.25"/>
      <dgm:constr type="sp" refType="w" refFor="ch" refForName="centerShape" op="equ" fact="0.4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node" refType="primFontSz" refFor="ch" refForName="centerShape" op="lte"/>
      <dgm:constr type="primFontSz" for="des" forName="connectorText" op="equ" val="55"/>
      <dgm:constr type="primFontSz" for="des" forName="connectorText" refType="primFontSz" refFor="ch" refForName="centerShape" op="lte" fact="0.8"/>
      <dgm:constr type="primFontSz" for="des" forName="connectorText" refType="primFontSz" refFor="des" refForName="node" op="lte"/>
    </dgm:constrLst>
    <dgm:choose name="Name4">
      <dgm:if name="Name5" axis="ch ch" ptType="node node" st="1 1" cnt="1 0" func="cnt" op="lte" val="6">
        <dgm:ruleLst>
          <dgm:rule type="w" for="ch" forName="node" val="NaN" fact="1" max="NaN"/>
        </dgm:ruleLst>
      </dgm:if>
      <dgm:if name="Name6" axis="ch ch" ptType="node node" st="1 1" cnt="1 0" func="cnt" op="lte" val="8">
        <dgm:ruleLst>
          <dgm:rule type="w" for="ch" forName="node" val="NaN" fact="0.9" max="NaN"/>
        </dgm:ruleLst>
      </dgm:if>
      <dgm:if name="Name7" axis="ch ch" ptType="node node" st="1 1" cnt="1 0" func="cnt" op="lte" val="10">
        <dgm:ruleLst>
          <dgm:rule type="w" for="ch" forName="node" val="NaN" fact="0.8" max="NaN"/>
        </dgm:ruleLst>
      </dgm:if>
      <dgm:if name="Name8" axis="ch ch" ptType="node node" st="1 1" cnt="1 0" func="cnt" op="lte" val="12">
        <dgm:ruleLst>
          <dgm:rule type="w" for="ch" forName="node" val="NaN" fact="0.7" max="NaN"/>
        </dgm:ruleLst>
      </dgm:if>
      <dgm:if name="Name9" axis="ch ch" ptType="node node" st="1 1" cnt="1 0" func="cnt" op="lte" val="14">
        <dgm:ruleLst>
          <dgm:rule type="w" for="ch" forName="node" val="NaN" fact="0.6" max="NaN"/>
        </dgm:ruleLst>
      </dgm:if>
      <dgm:else name="Name10">
        <dgm:ruleLst>
          <dgm:rule type="w" for="ch" forName="node" val="NaN" fact="0.5" max="NaN"/>
        </dgm:ruleLst>
      </dgm:else>
    </dgm:choose>
    <dgm:forEach name="Name11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forEach name="Name12" axis="ch">
        <dgm:forEach name="Name13" axis="self" ptType="parTrans">
          <dgm:layoutNode name="parTrans" styleLbl="sibTrans2D1">
            <dgm:alg type="conn">
              <dgm:param type="begPts" val="auto"/>
              <dgm:param type="endPts" val="auto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h" refType="w" fact="0.85"/>
            </dgm:constrLst>
            <dgm:ruleLst/>
            <dgm:layoutNode name="connectorText">
              <dgm:alg type="tx">
                <dgm:param type="autoTxRot" val="grav"/>
              </dgm:alg>
              <dgm:shape xmlns:r="http://schemas.openxmlformats.org/officeDocument/2006/relationships" type="conn" r:blip="" hideGeom="1">
                <dgm:adjLst/>
              </dgm:shape>
              <dgm:presOf axis="self"/>
              <dgm:constrLst>
                <dgm:constr type="lMarg"/>
                <dgm:constr type="rMarg"/>
                <dgm:constr type="tMarg"/>
                <dgm:constr type="bMarg"/>
              </dgm:constrLst>
              <dgm:ruleLst>
                <dgm:rule type="primFontSz" val="5" fact="NaN" max="NaN"/>
              </dgm:ruleLst>
            </dgm:layoutNode>
          </dgm:layoutNode>
        </dgm:forEach>
        <dgm:forEach name="Name14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w" val="INF" fact="NaN" max="NaN"/>
              <dgm:rule type="primFontSz" val="5" fact="NaN" max="NaN"/>
            </dgm:ruleLst>
          </dgm:layoutNode>
        </dgm:forEach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funnel1">
  <dgm:title val=""/>
  <dgm:desc val=""/>
  <dgm:catLst>
    <dgm:cat type="relationship" pri="2000"/>
    <dgm:cat type="process" pri="2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4"/>
      <dgm:resizeHandles val="exact"/>
    </dgm:varLst>
    <dgm:alg type="composite">
      <dgm:param type="ar" val="1.25"/>
    </dgm:alg>
    <dgm:shape xmlns:r="http://schemas.openxmlformats.org/officeDocument/2006/relationships" r:blip="">
      <dgm:adjLst/>
    </dgm:shape>
    <dgm:presOf/>
    <dgm:choose name="Name1">
      <dgm:if name="Name2" axis="ch" ptType="node" func="cnt" op="equ" val="2">
        <dgm:constrLst>
          <dgm:constr type="w" for="ch" forName="ellipse" refType="w" fact="0.645"/>
          <dgm:constr type="h" for="ch" forName="ellipse" refType="h" fact="0.28"/>
          <dgm:constr type="t" for="ch" forName="ellipse" refType="w" fact="0.0275"/>
          <dgm:constr type="l" for="ch" forName="ellipse" refType="w" fact="0.0265"/>
          <dgm:constr type="w" for="ch" forName="arrow1" refType="w" fact="0.125"/>
          <dgm:constr type="h" for="ch" forName="arrow1" refType="h" fact="0.1"/>
          <dgm:constr type="t" for="ch" forName="arrow1" refType="h" fact="0.72"/>
          <dgm:constr type="l" for="ch" forName="arrow1" refType="w" fact="0.2875"/>
          <dgm:constr type="w" for="ch" forName="rectangle" refType="w" fact="0.6"/>
          <dgm:constr type="h" for="ch" forName="rectangle" refType="w" refFor="ch" refForName="rectangle" fact="0.25"/>
          <dgm:constr type="t" for="ch" forName="rectangle" refType="h" fact="0.8"/>
          <dgm:constr type="l" for="ch" forName="rectangle" refType="w" fact="0.05"/>
          <dgm:constr type="w" for="ch" forName="item1" refType="w" fact="0.35"/>
          <dgm:constr type="h" for="ch" forName="item1" refType="w" fact="0.35"/>
          <dgm:constr type="t" for="ch" forName="item1" refType="h" fact="0.05"/>
          <dgm:constr type="l" for="ch" forName="item1" refType="w" fact="0.125"/>
          <dgm:constr type="primFontSz" for="ch" forName="item1" op="equ" val="65"/>
          <dgm:constr type="w" for="ch" forName="funnel" refType="w" fact="0.7"/>
          <dgm:constr type="h" for="ch" forName="funnel" refType="h" fact="0.7"/>
          <dgm:constr type="t" for="ch" forName="funnel"/>
          <dgm:constr type="l" for="ch" forName="funnel"/>
        </dgm:constrLst>
      </dgm:if>
      <dgm:else name="Name3">
        <dgm:constrLst>
          <dgm:constr type="w" for="ch" forName="ellipse" refType="w" fact="0.645"/>
          <dgm:constr type="h" for="ch" forName="ellipse" refType="h" fact="0.28"/>
          <dgm:constr type="t" for="ch" forName="ellipse" refType="w" fact="0.0275"/>
          <dgm:constr type="l" for="ch" forName="ellipse" refType="w" fact="0.0265"/>
          <dgm:constr type="w" for="ch" forName="arrow1" refType="w" fact="0.125"/>
          <dgm:constr type="h" for="ch" forName="arrow1" refType="h" fact="0.1"/>
          <dgm:constr type="t" for="ch" forName="arrow1" refType="h" fact="0.72"/>
          <dgm:constr type="l" for="ch" forName="arrow1" refType="w" fact="0.2875"/>
          <dgm:constr type="w" for="ch" forName="rectangle" refType="w" fact="0.6"/>
          <dgm:constr type="h" for="ch" forName="rectangle" refType="w" refFor="ch" refForName="rectangle" fact="0.25"/>
          <dgm:constr type="t" for="ch" forName="rectangle" refType="h" fact="0.8"/>
          <dgm:constr type="l" for="ch" forName="rectangle" refType="w" fact="0.05"/>
          <dgm:constr type="primFontSz" for="ch" forName="rectangle" val="65"/>
          <dgm:constr type="w" for="ch" forName="item1" refType="w" fact="0.225"/>
          <dgm:constr type="h" for="ch" forName="item1" refType="w" fact="0.225"/>
          <dgm:constr type="t" for="ch" forName="item1" refType="h" fact="0.336"/>
          <dgm:constr type="l" for="ch" forName="item1" refType="w" fact="0.261"/>
          <dgm:constr type="primFontSz" for="ch" forName="item1" val="65"/>
          <dgm:constr type="w" for="ch" forName="item2" refType="w" fact="0.225"/>
          <dgm:constr type="h" for="ch" forName="item2" refType="w" fact="0.225"/>
          <dgm:constr type="t" for="ch" forName="item2" refType="h" fact="0.125"/>
          <dgm:constr type="l" for="ch" forName="item2" refType="w" fact="0.1"/>
          <dgm:constr type="primFontSz" for="ch" forName="item2" refType="primFontSz" refFor="ch" refForName="item1" op="equ"/>
          <dgm:constr type="w" for="ch" forName="item3" refType="w" fact="0.225"/>
          <dgm:constr type="h" for="ch" forName="item3" refType="w" fact="0.225"/>
          <dgm:constr type="t" for="ch" forName="item3" refType="h" fact="0.057"/>
          <dgm:constr type="l" for="ch" forName="item3" refType="w" fact="0.33"/>
          <dgm:constr type="primFontSz" for="ch" forName="item3" refType="primFontSz" refFor="ch" refForName="item1" op="equ"/>
          <dgm:constr type="w" for="ch" forName="funnel" refType="w" fact="0.7"/>
          <dgm:constr type="h" for="ch" forName="funnel" refType="h" fact="0.7"/>
          <dgm:constr type="t" for="ch" forName="funnel"/>
          <dgm:constr type="l" for="ch" forName="funnel"/>
        </dgm:constrLst>
      </dgm:else>
    </dgm:choose>
    <dgm:ruleLst/>
    <dgm:choose name="Name4">
      <dgm:if name="Name5" axis="ch" ptType="node" func="cnt" op="gte" val="1">
        <dgm:layoutNode name="ellipse" styleLbl="trBgShp">
          <dgm:alg type="sp"/>
          <dgm:shape xmlns:r="http://schemas.openxmlformats.org/officeDocument/2006/relationships" type="ellipse" r:blip="">
            <dgm:adjLst/>
          </dgm:shape>
          <dgm:presOf/>
          <dgm:constrLst/>
          <dgm:ruleLst/>
        </dgm:layoutNode>
        <dgm:layoutNode name="arrow1" styleLbl="fgShp">
          <dgm:alg type="sp"/>
          <dgm:shape xmlns:r="http://schemas.openxmlformats.org/officeDocument/2006/relationships" type="downArrow" r:blip="">
            <dgm:adjLst/>
          </dgm:shape>
          <dgm:presOf/>
          <dgm:constrLst/>
          <dgm:ruleLst/>
        </dgm:layoutNode>
        <dgm:layoutNode name="rectangle" styleLbl="revTx">
          <dgm:varLst>
            <dgm:bulletEnabled val="1"/>
          </dgm:varLst>
          <dgm:alg type="tx">
            <dgm:param type="txAnchorHorzCh" val="ctr"/>
          </dgm:alg>
          <dgm:shape xmlns:r="http://schemas.openxmlformats.org/officeDocument/2006/relationships" type="rect" r:blip="">
            <dgm:adjLst/>
          </dgm:shape>
          <dgm:choose name="Name6">
            <dgm:if name="Name7" axis="ch" ptType="node" func="cnt" op="equ" val="1">
              <dgm:presOf axis="ch desOrSelf" ptType="node node" st="1 1" cnt="1 0"/>
            </dgm:if>
            <dgm:if name="Name8" axis="ch" ptType="node" func="cnt" op="equ" val="2">
              <dgm:presOf axis="ch desOrSelf" ptType="node node" st="2 1" cnt="1 0"/>
            </dgm:if>
            <dgm:if name="Name9" axis="ch" ptType="node" func="cnt" op="equ" val="3">
              <dgm:presOf axis="ch desOrSelf" ptType="node node" st="3 1" cnt="1 0"/>
            </dgm:if>
            <dgm:else name="Name10">
              <dgm:presOf axis="ch desOrSelf" ptType="node node" st="4 1" cnt="1 0"/>
            </dgm:else>
          </dgm:choose>
          <dgm:constrLst/>
          <dgm:ruleLst>
            <dgm:rule type="primFontSz" val="5" fact="NaN" max="NaN"/>
          </dgm:ruleLst>
        </dgm:layoutNode>
        <dgm:forEach name="Name11" axis="ch" ptType="node" st="2" cnt="1">
          <dgm:layoutNode name="item1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choose name="Name12">
              <dgm:if name="Name13" axis="root ch" ptType="all node" func="cnt" op="equ" val="1">
                <dgm:presOf/>
              </dgm:if>
              <dgm:if name="Name14" axis="root ch" ptType="all node" func="cnt" op="equ" val="2">
                <dgm:presOf axis="root ch desOrSelf" ptType="all node node" st="1 1 1" cnt="0 1 0"/>
              </dgm:if>
              <dgm:if name="Name15" axis="root ch" ptType="all node" func="cnt" op="equ" val="3">
                <dgm:presOf axis="root ch desOrSelf" ptType="all node node" st="1 2 1" cnt="0 1 0"/>
              </dgm:if>
              <dgm:else name="Name16">
                <dgm:presOf axis="root ch desOrSelf" ptType="all node node" st="1 3 1" cnt="0 1 0"/>
              </dgm:else>
            </dgm:choose>
            <dgm:constrLst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primFontSz" val="5" fact="NaN" max="NaN"/>
            </dgm:ruleLst>
          </dgm:layoutNode>
        </dgm:forEach>
        <dgm:forEach name="Name17" axis="ch" ptType="node" st="3" cnt="1">
          <dgm:layoutNode name="item2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choose name="Name18">
              <dgm:if name="Name19" axis="root ch" ptType="all node" func="cnt" op="equ" val="1">
                <dgm:presOf/>
              </dgm:if>
              <dgm:if name="Name20" axis="root ch" ptType="all node" func="cnt" op="equ" val="2">
                <dgm:presOf/>
              </dgm:if>
              <dgm:if name="Name21" axis="root ch" ptType="all node" func="cnt" op="equ" val="3">
                <dgm:presOf axis="root ch desOrSelf" ptType="all node node" st="1 1 1" cnt="0 1 0"/>
              </dgm:if>
              <dgm:else name="Name22">
                <dgm:presOf axis="root ch desOrSelf" ptType="all node node" st="1 2 1" cnt="0 1 0"/>
              </dgm:else>
            </dgm:choose>
            <dgm:constrLst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primFontSz" val="5" fact="NaN" max="NaN"/>
            </dgm:ruleLst>
          </dgm:layoutNode>
        </dgm:forEach>
        <dgm:forEach name="Name23" axis="ch" ptType="node" st="4" cnt="1">
          <dgm:layoutNode name="item3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choose name="Name24">
              <dgm:if name="Name25" axis="root ch" ptType="all node" func="cnt" op="equ" val="1">
                <dgm:presOf/>
              </dgm:if>
              <dgm:if name="Name26" axis="root ch" ptType="all node" func="cnt" op="equ" val="2">
                <dgm:presOf/>
              </dgm:if>
              <dgm:if name="Name27" axis="root ch" ptType="all node" func="cnt" op="equ" val="3">
                <dgm:presOf/>
              </dgm:if>
              <dgm:else name="Name28">
                <dgm:presOf axis="root ch desOrSelf" ptType="all node node" st="1 1 1" cnt="0 1 0"/>
              </dgm:else>
            </dgm:choose>
            <dgm:constrLst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primFontSz" val="5" fact="NaN" max="NaN"/>
            </dgm:ruleLst>
          </dgm:layoutNode>
        </dgm:forEach>
        <dgm:layoutNode name="funnel" styleLbl="trAlignAcc1">
          <dgm:alg type="sp"/>
          <dgm:shape xmlns:r="http://schemas.openxmlformats.org/officeDocument/2006/relationships" type="funnel" r:blip="">
            <dgm:adjLst/>
          </dgm:shape>
          <dgm:presOf/>
          <dgm:constrLst/>
          <dgm:ruleLst/>
        </dgm:layoutNode>
      </dgm:if>
      <dgm:else name="Name29"/>
    </dgm:choose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9/2/quickstyle/3d8">
  <dgm:title val=""/>
  <dgm:desc val=""/>
  <dgm:catLst>
    <dgm:cat type="3D" pri="11800"/>
  </dgm:catLst>
  <dgm:scene3d>
    <a:camera prst="perspectiveHeroicExtremeRightFacing" zoom="82000">
      <a:rot lat="21300000" lon="20400000" rev="180000"/>
    </a:camera>
    <a:lightRig rig="morning" dir="t">
      <a:rot lat="0" lon="0" rev="20400000"/>
    </a:lightRig>
  </dgm:scene3d>
  <dgm:styleLbl name="node0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 z="-30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 z="-600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 z="635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 z="-1520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 z="60000" prstMaterial="flat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 z="60000" prstMaterial="flat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 z="-152400" extrusionH="63500" prstMaterial="matte">
      <a:bevelT w="4445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 extrusionH="190500" prstMaterial="matte">
      <a:bevelT w="120650" h="38100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 z="-152400" extrusionH="63500" prstMaterial="matte">
      <a:bevelT w="4445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 z="-152400" extrusionH="63500" prstMaterial="matte">
      <a:bevelT w="4445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 z="-152400" extrusionH="63500" prstMaterial="matte">
      <a:bevelT w="4445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 z="-152400" extrusionH="63500" prstMaterial="matte">
      <a:bevelT w="4445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 extrusionH="190500" prstMaterial="matte">
      <a:bevelT w="120650" h="38100" prst="relaxedInset"/>
      <a:bevelB w="120650" h="571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záhlaví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cs-CZ"/>
          </a:p>
        </p:txBody>
      </p:sp>
      <p:sp>
        <p:nvSpPr>
          <p:cNvPr id="3" name="Zástupný symbol pro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6E47DD1-18D6-4656-96B0-E0ED0D38A236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4" name="Zástupný symbol pro obrázek snímku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cs-CZ"/>
          </a:p>
        </p:txBody>
      </p:sp>
      <p:sp>
        <p:nvSpPr>
          <p:cNvPr id="5" name="Zástupný symbol pro poznámky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cs-CZ"/>
              <a:t>Po kliknutí můžete upravovat styly textu v předloze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6" name="Zástupný symbol pro zápatí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cs-CZ"/>
          </a:p>
        </p:txBody>
      </p:sp>
      <p:sp>
        <p:nvSpPr>
          <p:cNvPr id="7" name="Zástupný symbol pro číslo snímku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3B45BBD-C93D-4BF7-A99F-6443D3FC6F6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75571015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2" name="Zástupný symbol pro obrázek snímku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243" name="Zástupný symbol pro poznámky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r>
              <a:rPr lang="cs-CZ" altLang="cs-CZ" dirty="0" err="1"/>
              <a:t>Irop</a:t>
            </a:r>
            <a:r>
              <a:rPr lang="cs-CZ" altLang="cs-CZ" dirty="0"/>
              <a:t> – prodloužení VC pro rekreační plavbu, program zatím není nastaven, přístavy lze efektivněji financovat ze </a:t>
            </a:r>
            <a:r>
              <a:rPr lang="cs-CZ" altLang="cs-CZ" dirty="0" err="1"/>
              <a:t>sfdi</a:t>
            </a:r>
            <a:r>
              <a:rPr lang="cs-CZ" altLang="cs-CZ" dirty="0"/>
              <a:t> (z hlediska administrativy)</a:t>
            </a:r>
          </a:p>
        </p:txBody>
      </p:sp>
      <p:sp>
        <p:nvSpPr>
          <p:cNvPr id="10244" name="Zástupný symbol pro datum 3"/>
          <p:cNvSpPr txBox="1">
            <a:spLocks noGrp="1"/>
          </p:cNvSpPr>
          <p:nvPr/>
        </p:nvSpPr>
        <p:spPr bwMode="auto">
          <a:xfrm>
            <a:off x="3603625" y="0"/>
            <a:ext cx="2757488" cy="4762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86507" tIns="43254" rIns="86507" bIns="43254"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r" eaLnBrk="1" hangingPunct="1">
              <a:spcBef>
                <a:spcPct val="0"/>
              </a:spcBef>
            </a:pPr>
            <a:endParaRPr lang="cs-CZ" altLang="cs-CZ">
              <a:solidFill>
                <a:srgbClr val="000000"/>
              </a:solidFill>
            </a:endParaRPr>
          </a:p>
        </p:txBody>
      </p:sp>
      <p:sp>
        <p:nvSpPr>
          <p:cNvPr id="10245" name="Zástupný symbol pro číslo snímku 4"/>
          <p:cNvSpPr txBox="1">
            <a:spLocks noGrp="1"/>
          </p:cNvSpPr>
          <p:nvPr/>
        </p:nvSpPr>
        <p:spPr bwMode="auto">
          <a:xfrm>
            <a:off x="3603625" y="9007475"/>
            <a:ext cx="2757488" cy="4762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86507" tIns="43254" rIns="86507" bIns="43254" anchor="b"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r" eaLnBrk="1" hangingPunct="1">
              <a:spcBef>
                <a:spcPct val="0"/>
              </a:spcBef>
            </a:pPr>
            <a:fld id="{B51E9DA0-8A1D-4A04-8DC4-AC82369B352B}" type="slidenum">
              <a:rPr lang="cs-CZ" altLang="cs-CZ">
                <a:solidFill>
                  <a:srgbClr val="000000"/>
                </a:solidFill>
              </a:rPr>
              <a:pPr algn="r" eaLnBrk="1" hangingPunct="1">
                <a:spcBef>
                  <a:spcPct val="0"/>
                </a:spcBef>
              </a:pPr>
              <a:t>2</a:t>
            </a:fld>
            <a:endParaRPr lang="cs-CZ" altLang="cs-CZ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5215220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3B45BBD-C93D-4BF7-A99F-6443D3FC6F65}" type="slidenum">
              <a:rPr lang="cs-CZ" smtClean="0"/>
              <a:t>3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2350815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3B45BBD-C93D-4BF7-A99F-6443D3FC6F65}" type="slidenum">
              <a:rPr lang="cs-CZ" smtClean="0"/>
              <a:t>4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58158870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2" name="Zástupný symbol pro obrázek snímku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243" name="Zástupný symbol pro poznámky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r>
              <a:rPr lang="cs-CZ" altLang="cs-CZ" dirty="0" err="1"/>
              <a:t>Irop</a:t>
            </a:r>
            <a:r>
              <a:rPr lang="cs-CZ" altLang="cs-CZ" dirty="0"/>
              <a:t> – prodloužení VC pro rekreační plavbu, program zatím není nastaven, přístavy lze efektivněji financovat ze </a:t>
            </a:r>
            <a:r>
              <a:rPr lang="cs-CZ" altLang="cs-CZ" dirty="0" err="1"/>
              <a:t>sfdi</a:t>
            </a:r>
            <a:r>
              <a:rPr lang="cs-CZ" altLang="cs-CZ" dirty="0"/>
              <a:t> (z hlediska administrativy)</a:t>
            </a:r>
          </a:p>
        </p:txBody>
      </p:sp>
      <p:sp>
        <p:nvSpPr>
          <p:cNvPr id="10244" name="Zástupný symbol pro datum 3"/>
          <p:cNvSpPr txBox="1">
            <a:spLocks noGrp="1"/>
          </p:cNvSpPr>
          <p:nvPr/>
        </p:nvSpPr>
        <p:spPr bwMode="auto">
          <a:xfrm>
            <a:off x="3603625" y="0"/>
            <a:ext cx="2757488" cy="4762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86507" tIns="43254" rIns="86507" bIns="43254"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r" eaLnBrk="1" hangingPunct="1">
              <a:spcBef>
                <a:spcPct val="0"/>
              </a:spcBef>
            </a:pPr>
            <a:endParaRPr lang="cs-CZ" altLang="cs-CZ">
              <a:solidFill>
                <a:srgbClr val="000000"/>
              </a:solidFill>
            </a:endParaRPr>
          </a:p>
        </p:txBody>
      </p:sp>
      <p:sp>
        <p:nvSpPr>
          <p:cNvPr id="10245" name="Zástupný symbol pro číslo snímku 4"/>
          <p:cNvSpPr txBox="1">
            <a:spLocks noGrp="1"/>
          </p:cNvSpPr>
          <p:nvPr/>
        </p:nvSpPr>
        <p:spPr bwMode="auto">
          <a:xfrm>
            <a:off x="3603625" y="9007475"/>
            <a:ext cx="2757488" cy="4762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86507" tIns="43254" rIns="86507" bIns="43254" anchor="b"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r" eaLnBrk="1" hangingPunct="1">
              <a:spcBef>
                <a:spcPct val="0"/>
              </a:spcBef>
            </a:pPr>
            <a:fld id="{B51E9DA0-8A1D-4A04-8DC4-AC82369B352B}" type="slidenum">
              <a:rPr lang="cs-CZ" altLang="cs-CZ">
                <a:solidFill>
                  <a:srgbClr val="000000"/>
                </a:solidFill>
              </a:rPr>
              <a:pPr algn="r" eaLnBrk="1" hangingPunct="1">
                <a:spcBef>
                  <a:spcPct val="0"/>
                </a:spcBef>
              </a:pPr>
              <a:t>5</a:t>
            </a:fld>
            <a:endParaRPr lang="cs-CZ" altLang="cs-CZ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846101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Úvodní sníme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>
            <a:extLst>
              <a:ext uri="{FF2B5EF4-FFF2-40B4-BE49-F238E27FC236}">
                <a16:creationId xmlns:a16="http://schemas.microsoft.com/office/drawing/2014/main" id="{E80E2302-E599-41AC-84BA-FA9BA9C4508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cs-CZ"/>
              <a:t>Kliknutím lze upravit styl.</a:t>
            </a:r>
          </a:p>
        </p:txBody>
      </p:sp>
      <p:sp>
        <p:nvSpPr>
          <p:cNvPr id="3" name="Podnadpis 2">
            <a:extLst>
              <a:ext uri="{FF2B5EF4-FFF2-40B4-BE49-F238E27FC236}">
                <a16:creationId xmlns:a16="http://schemas.microsoft.com/office/drawing/2014/main" id="{A7C77B94-CFAA-4A2D-B572-906D660DCF0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cs-CZ"/>
              <a:t>Kliknutím můžete upravit styl předlohy.</a:t>
            </a:r>
          </a:p>
        </p:txBody>
      </p:sp>
      <p:sp>
        <p:nvSpPr>
          <p:cNvPr id="4" name="Zástupný symbol pro datum 3">
            <a:extLst>
              <a:ext uri="{FF2B5EF4-FFF2-40B4-BE49-F238E27FC236}">
                <a16:creationId xmlns:a16="http://schemas.microsoft.com/office/drawing/2014/main" id="{C8AFB572-0C6A-4765-BD71-472C996E46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5" name="Zástupný symbol pro zápatí 4">
            <a:extLst>
              <a:ext uri="{FF2B5EF4-FFF2-40B4-BE49-F238E27FC236}">
                <a16:creationId xmlns:a16="http://schemas.microsoft.com/office/drawing/2014/main" id="{F994DDB0-2E37-4022-86CB-E21AB79EE8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6" name="Zástupný symbol pro číslo snímku 5">
            <a:extLst>
              <a:ext uri="{FF2B5EF4-FFF2-40B4-BE49-F238E27FC236}">
                <a16:creationId xmlns:a16="http://schemas.microsoft.com/office/drawing/2014/main" id="{4CC68051-A277-45EE-BB0C-7A6B064D0F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285034984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Nadpis a svislý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>
            <a:extLst>
              <a:ext uri="{FF2B5EF4-FFF2-40B4-BE49-F238E27FC236}">
                <a16:creationId xmlns:a16="http://schemas.microsoft.com/office/drawing/2014/main" id="{E6D58C23-F47C-4A5F-A6D1-79EF174654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iknutím lze upravit styl.</a:t>
            </a:r>
          </a:p>
        </p:txBody>
      </p:sp>
      <p:sp>
        <p:nvSpPr>
          <p:cNvPr id="3" name="Zástupný symbol pro svislý text 2">
            <a:extLst>
              <a:ext uri="{FF2B5EF4-FFF2-40B4-BE49-F238E27FC236}">
                <a16:creationId xmlns:a16="http://schemas.microsoft.com/office/drawing/2014/main" id="{A6B9B098-F8E4-442F-84F9-CEF4360C5F2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cs-CZ"/>
              <a:t>Po kliknutí můžete upravovat styly textu v předloze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>
            <a:extLst>
              <a:ext uri="{FF2B5EF4-FFF2-40B4-BE49-F238E27FC236}">
                <a16:creationId xmlns:a16="http://schemas.microsoft.com/office/drawing/2014/main" id="{F9622BC4-DA47-4AC1-BD55-ED46E57639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5" name="Zástupný symbol pro zápatí 4">
            <a:extLst>
              <a:ext uri="{FF2B5EF4-FFF2-40B4-BE49-F238E27FC236}">
                <a16:creationId xmlns:a16="http://schemas.microsoft.com/office/drawing/2014/main" id="{11BA2CA0-FC6F-4BB1-B786-2B6E5F738C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6" name="Zástupný symbol pro číslo snímku 5">
            <a:extLst>
              <a:ext uri="{FF2B5EF4-FFF2-40B4-BE49-F238E27FC236}">
                <a16:creationId xmlns:a16="http://schemas.microsoft.com/office/drawing/2014/main" id="{309403C9-DC53-4E47-8C18-48D8A890AE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24301716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Svislý nadpis a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vislý nadpis 1">
            <a:extLst>
              <a:ext uri="{FF2B5EF4-FFF2-40B4-BE49-F238E27FC236}">
                <a16:creationId xmlns:a16="http://schemas.microsoft.com/office/drawing/2014/main" id="{1140722D-81FB-4A09-AF09-00B18983F7F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cs-CZ"/>
              <a:t>Kliknutím lze upravit styl.</a:t>
            </a:r>
          </a:p>
        </p:txBody>
      </p:sp>
      <p:sp>
        <p:nvSpPr>
          <p:cNvPr id="3" name="Zástupný symbol pro svislý text 2">
            <a:extLst>
              <a:ext uri="{FF2B5EF4-FFF2-40B4-BE49-F238E27FC236}">
                <a16:creationId xmlns:a16="http://schemas.microsoft.com/office/drawing/2014/main" id="{7EC656B1-C67E-430B-BF77-5D36E10F598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cs-CZ"/>
              <a:t>Po kliknutí můžete upravovat styly textu v předloze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>
            <a:extLst>
              <a:ext uri="{FF2B5EF4-FFF2-40B4-BE49-F238E27FC236}">
                <a16:creationId xmlns:a16="http://schemas.microsoft.com/office/drawing/2014/main" id="{92981D61-3945-49D7-A3E6-20A927C44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5" name="Zástupný symbol pro zápatí 4">
            <a:extLst>
              <a:ext uri="{FF2B5EF4-FFF2-40B4-BE49-F238E27FC236}">
                <a16:creationId xmlns:a16="http://schemas.microsoft.com/office/drawing/2014/main" id="{4AD00CE9-56DD-442E-AD99-E45B6674AE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6" name="Zástupný symbol pro číslo snímku 5">
            <a:extLst>
              <a:ext uri="{FF2B5EF4-FFF2-40B4-BE49-F238E27FC236}">
                <a16:creationId xmlns:a16="http://schemas.microsoft.com/office/drawing/2014/main" id="{A3E78682-9926-4969-8CFE-2014A4E6AA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20579702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Nadpis a obsa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>
            <a:extLst>
              <a:ext uri="{FF2B5EF4-FFF2-40B4-BE49-F238E27FC236}">
                <a16:creationId xmlns:a16="http://schemas.microsoft.com/office/drawing/2014/main" id="{3695961E-EEE9-4504-B4A1-761EDF1394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iknutím lze upravit styl.</a:t>
            </a:r>
          </a:p>
        </p:txBody>
      </p:sp>
      <p:sp>
        <p:nvSpPr>
          <p:cNvPr id="3" name="Zástupný obsah 2">
            <a:extLst>
              <a:ext uri="{FF2B5EF4-FFF2-40B4-BE49-F238E27FC236}">
                <a16:creationId xmlns:a16="http://schemas.microsoft.com/office/drawing/2014/main" id="{1873B508-203B-4BF4-846A-C9C55FE7114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cs-CZ"/>
              <a:t>Po kliknutí můžete upravovat styly textu v předloze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>
            <a:extLst>
              <a:ext uri="{FF2B5EF4-FFF2-40B4-BE49-F238E27FC236}">
                <a16:creationId xmlns:a16="http://schemas.microsoft.com/office/drawing/2014/main" id="{30C33339-EA99-46F6-AFC0-DF42846871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5" name="Zástupný symbol pro zápatí 4">
            <a:extLst>
              <a:ext uri="{FF2B5EF4-FFF2-40B4-BE49-F238E27FC236}">
                <a16:creationId xmlns:a16="http://schemas.microsoft.com/office/drawing/2014/main" id="{2F21B806-0E7E-4468-B1C1-7858ED5364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6" name="Zástupný symbol pro číslo snímku 5">
            <a:extLst>
              <a:ext uri="{FF2B5EF4-FFF2-40B4-BE49-F238E27FC236}">
                <a16:creationId xmlns:a16="http://schemas.microsoft.com/office/drawing/2014/main" id="{C789C96A-9509-4D8E-92DC-D677BEE7F4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26555634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Záhlaví oddíl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>
            <a:extLst>
              <a:ext uri="{FF2B5EF4-FFF2-40B4-BE49-F238E27FC236}">
                <a16:creationId xmlns:a16="http://schemas.microsoft.com/office/drawing/2014/main" id="{DDBD1F47-B542-4052-BE50-B3325860F9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cs-CZ"/>
              <a:t>Kliknutím lze upravit styl.</a:t>
            </a:r>
          </a:p>
        </p:txBody>
      </p:sp>
      <p:sp>
        <p:nvSpPr>
          <p:cNvPr id="3" name="Zástupný text 2">
            <a:extLst>
              <a:ext uri="{FF2B5EF4-FFF2-40B4-BE49-F238E27FC236}">
                <a16:creationId xmlns:a16="http://schemas.microsoft.com/office/drawing/2014/main" id="{398B6493-9A38-4586-B0DD-91D93075C44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cs-CZ"/>
              <a:t>Po kliknutí můžete upravovat styly textu v předloze.</a:t>
            </a:r>
          </a:p>
        </p:txBody>
      </p:sp>
      <p:sp>
        <p:nvSpPr>
          <p:cNvPr id="4" name="Zástupný symbol pro datum 3">
            <a:extLst>
              <a:ext uri="{FF2B5EF4-FFF2-40B4-BE49-F238E27FC236}">
                <a16:creationId xmlns:a16="http://schemas.microsoft.com/office/drawing/2014/main" id="{6A3B066F-DFEB-4E5C-BFD9-C5320F83F2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5" name="Zástupný symbol pro zápatí 4">
            <a:extLst>
              <a:ext uri="{FF2B5EF4-FFF2-40B4-BE49-F238E27FC236}">
                <a16:creationId xmlns:a16="http://schemas.microsoft.com/office/drawing/2014/main" id="{4142F6CD-4D4A-4DF8-83B5-1856FD577E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6" name="Zástupný symbol pro číslo snímku 5">
            <a:extLst>
              <a:ext uri="{FF2B5EF4-FFF2-40B4-BE49-F238E27FC236}">
                <a16:creationId xmlns:a16="http://schemas.microsoft.com/office/drawing/2014/main" id="{35CA3661-4F0B-454C-A91C-834A019BDE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4597364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va obsah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>
            <a:extLst>
              <a:ext uri="{FF2B5EF4-FFF2-40B4-BE49-F238E27FC236}">
                <a16:creationId xmlns:a16="http://schemas.microsoft.com/office/drawing/2014/main" id="{CD38BA4F-614A-4D20-B1D4-D3733C9352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iknutím lze upravit styl.</a:t>
            </a:r>
          </a:p>
        </p:txBody>
      </p:sp>
      <p:sp>
        <p:nvSpPr>
          <p:cNvPr id="3" name="Zástupný obsah 2">
            <a:extLst>
              <a:ext uri="{FF2B5EF4-FFF2-40B4-BE49-F238E27FC236}">
                <a16:creationId xmlns:a16="http://schemas.microsoft.com/office/drawing/2014/main" id="{8D09D347-BB97-4E4A-AEDA-CE535C86550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cs-CZ"/>
              <a:t>Po kliknutí můžete upravovat styly textu v předloze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obsah 3">
            <a:extLst>
              <a:ext uri="{FF2B5EF4-FFF2-40B4-BE49-F238E27FC236}">
                <a16:creationId xmlns:a16="http://schemas.microsoft.com/office/drawing/2014/main" id="{09690997-4F29-4E19-8179-65670EF8A90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cs-CZ"/>
              <a:t>Po kliknutí můžete upravovat styly textu v předloze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5" name="Zástupný symbol pro datum 4">
            <a:extLst>
              <a:ext uri="{FF2B5EF4-FFF2-40B4-BE49-F238E27FC236}">
                <a16:creationId xmlns:a16="http://schemas.microsoft.com/office/drawing/2014/main" id="{CB66CC2F-D896-4D23-A9B7-5DE0661DC3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6" name="Zástupný symbol pro zápatí 5">
            <a:extLst>
              <a:ext uri="{FF2B5EF4-FFF2-40B4-BE49-F238E27FC236}">
                <a16:creationId xmlns:a16="http://schemas.microsoft.com/office/drawing/2014/main" id="{F0D2F3E9-B0EC-47DD-90E3-FACA59F86D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7" name="Zástupný symbol pro číslo snímku 6">
            <a:extLst>
              <a:ext uri="{FF2B5EF4-FFF2-40B4-BE49-F238E27FC236}">
                <a16:creationId xmlns:a16="http://schemas.microsoft.com/office/drawing/2014/main" id="{A571C24C-D172-47E9-A29C-F50CF7BCC7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3915228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Porovnání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>
            <a:extLst>
              <a:ext uri="{FF2B5EF4-FFF2-40B4-BE49-F238E27FC236}">
                <a16:creationId xmlns:a16="http://schemas.microsoft.com/office/drawing/2014/main" id="{8D793EB9-051A-4BD5-A0F7-D9EC83DF51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cs-CZ"/>
              <a:t>Kliknutím lze upravit styl.</a:t>
            </a:r>
          </a:p>
        </p:txBody>
      </p:sp>
      <p:sp>
        <p:nvSpPr>
          <p:cNvPr id="3" name="Zástupný text 2">
            <a:extLst>
              <a:ext uri="{FF2B5EF4-FFF2-40B4-BE49-F238E27FC236}">
                <a16:creationId xmlns:a16="http://schemas.microsoft.com/office/drawing/2014/main" id="{719A294E-C504-411D-9FBF-7DD7A0F6521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cs-CZ"/>
              <a:t>Po kliknutí můžete upravovat styly textu v předloze.</a:t>
            </a:r>
          </a:p>
        </p:txBody>
      </p:sp>
      <p:sp>
        <p:nvSpPr>
          <p:cNvPr id="4" name="Zástupný obsah 3">
            <a:extLst>
              <a:ext uri="{FF2B5EF4-FFF2-40B4-BE49-F238E27FC236}">
                <a16:creationId xmlns:a16="http://schemas.microsoft.com/office/drawing/2014/main" id="{A4098696-E941-43AA-B50C-36C5706BE84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cs-CZ"/>
              <a:t>Po kliknutí můžete upravovat styly textu v předloze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5" name="Zástupný text 4">
            <a:extLst>
              <a:ext uri="{FF2B5EF4-FFF2-40B4-BE49-F238E27FC236}">
                <a16:creationId xmlns:a16="http://schemas.microsoft.com/office/drawing/2014/main" id="{993B5B26-F7F7-4BBB-A043-42D6F921DA6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cs-CZ"/>
              <a:t>Po kliknutí můžete upravovat styly textu v předloze.</a:t>
            </a:r>
          </a:p>
        </p:txBody>
      </p:sp>
      <p:sp>
        <p:nvSpPr>
          <p:cNvPr id="6" name="Zástupný obsah 5">
            <a:extLst>
              <a:ext uri="{FF2B5EF4-FFF2-40B4-BE49-F238E27FC236}">
                <a16:creationId xmlns:a16="http://schemas.microsoft.com/office/drawing/2014/main" id="{50A82D96-C07E-4721-95D9-4DFE54BB512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cs-CZ"/>
              <a:t>Po kliknutí můžete upravovat styly textu v předloze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7" name="Zástupný symbol pro datum 6">
            <a:extLst>
              <a:ext uri="{FF2B5EF4-FFF2-40B4-BE49-F238E27FC236}">
                <a16:creationId xmlns:a16="http://schemas.microsoft.com/office/drawing/2014/main" id="{B2D8BC3B-0FE2-4F28-AA56-2D5914ECDA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8" name="Zástupný symbol pro zápatí 7">
            <a:extLst>
              <a:ext uri="{FF2B5EF4-FFF2-40B4-BE49-F238E27FC236}">
                <a16:creationId xmlns:a16="http://schemas.microsoft.com/office/drawing/2014/main" id="{19E84C25-DFA1-470A-B52E-BCFC35A104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9" name="Zástupný symbol pro číslo snímku 8">
            <a:extLst>
              <a:ext uri="{FF2B5EF4-FFF2-40B4-BE49-F238E27FC236}">
                <a16:creationId xmlns:a16="http://schemas.microsoft.com/office/drawing/2014/main" id="{BD544383-B018-423B-991C-9B238AFC54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2746217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Jenom nadp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>
            <a:extLst>
              <a:ext uri="{FF2B5EF4-FFF2-40B4-BE49-F238E27FC236}">
                <a16:creationId xmlns:a16="http://schemas.microsoft.com/office/drawing/2014/main" id="{BF6E85DB-F971-4621-8E48-673F3263CC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iknutím lze upravit styl.</a:t>
            </a:r>
          </a:p>
        </p:txBody>
      </p:sp>
      <p:sp>
        <p:nvSpPr>
          <p:cNvPr id="3" name="Zástupný symbol pro datum 2">
            <a:extLst>
              <a:ext uri="{FF2B5EF4-FFF2-40B4-BE49-F238E27FC236}">
                <a16:creationId xmlns:a16="http://schemas.microsoft.com/office/drawing/2014/main" id="{037719D0-6931-4695-B442-C0E1A8602A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4" name="Zástupný symbol pro zápatí 3">
            <a:extLst>
              <a:ext uri="{FF2B5EF4-FFF2-40B4-BE49-F238E27FC236}">
                <a16:creationId xmlns:a16="http://schemas.microsoft.com/office/drawing/2014/main" id="{90A0C4E5-53D1-4108-A896-7886B7AE25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5" name="Zástupný symbol pro číslo snímku 4">
            <a:extLst>
              <a:ext uri="{FF2B5EF4-FFF2-40B4-BE49-F238E27FC236}">
                <a16:creationId xmlns:a16="http://schemas.microsoft.com/office/drawing/2014/main" id="{A18DF6B3-69A3-4B91-B4E9-8CBEB205FE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31793238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rázdn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datum 1">
            <a:extLst>
              <a:ext uri="{FF2B5EF4-FFF2-40B4-BE49-F238E27FC236}">
                <a16:creationId xmlns:a16="http://schemas.microsoft.com/office/drawing/2014/main" id="{454AA7D1-8AE5-43B9-9A51-49995F2B6A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3" name="Zástupný symbol pro zápatí 2">
            <a:extLst>
              <a:ext uri="{FF2B5EF4-FFF2-40B4-BE49-F238E27FC236}">
                <a16:creationId xmlns:a16="http://schemas.microsoft.com/office/drawing/2014/main" id="{6DE2DF58-D1E0-44F2-8D69-5C626BF8BE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4" name="Zástupný symbol pro číslo snímku 3">
            <a:extLst>
              <a:ext uri="{FF2B5EF4-FFF2-40B4-BE49-F238E27FC236}">
                <a16:creationId xmlns:a16="http://schemas.microsoft.com/office/drawing/2014/main" id="{18E6FCC0-5993-4F85-8F26-4AE1A52F11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79078284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Obsah s titulk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>
            <a:extLst>
              <a:ext uri="{FF2B5EF4-FFF2-40B4-BE49-F238E27FC236}">
                <a16:creationId xmlns:a16="http://schemas.microsoft.com/office/drawing/2014/main" id="{9F02CC16-A11F-4EE1-B624-D74347ABAE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cs-CZ"/>
              <a:t>Kliknutím lze upravit styl.</a:t>
            </a:r>
          </a:p>
        </p:txBody>
      </p:sp>
      <p:sp>
        <p:nvSpPr>
          <p:cNvPr id="3" name="Zástupný obsah 2">
            <a:extLst>
              <a:ext uri="{FF2B5EF4-FFF2-40B4-BE49-F238E27FC236}">
                <a16:creationId xmlns:a16="http://schemas.microsoft.com/office/drawing/2014/main" id="{76F6ABB2-8747-45EC-B738-7F7192EEA2E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cs-CZ"/>
              <a:t>Po kliknutí můžete upravovat styly textu v předloze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text 3">
            <a:extLst>
              <a:ext uri="{FF2B5EF4-FFF2-40B4-BE49-F238E27FC236}">
                <a16:creationId xmlns:a16="http://schemas.microsoft.com/office/drawing/2014/main" id="{F2EE4DC6-41D1-482F-9651-C110F19C4E2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cs-CZ"/>
              <a:t>Po kliknutí můžete upravovat styly textu v předloze.</a:t>
            </a:r>
          </a:p>
        </p:txBody>
      </p:sp>
      <p:sp>
        <p:nvSpPr>
          <p:cNvPr id="5" name="Zástupný symbol pro datum 4">
            <a:extLst>
              <a:ext uri="{FF2B5EF4-FFF2-40B4-BE49-F238E27FC236}">
                <a16:creationId xmlns:a16="http://schemas.microsoft.com/office/drawing/2014/main" id="{67D15FAA-4F0C-4759-BEF4-D4FF0BD43F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6" name="Zástupný symbol pro zápatí 5">
            <a:extLst>
              <a:ext uri="{FF2B5EF4-FFF2-40B4-BE49-F238E27FC236}">
                <a16:creationId xmlns:a16="http://schemas.microsoft.com/office/drawing/2014/main" id="{67F78040-5433-4C0E-83D2-A8C815A6BB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7" name="Zástupný symbol pro číslo snímku 6">
            <a:extLst>
              <a:ext uri="{FF2B5EF4-FFF2-40B4-BE49-F238E27FC236}">
                <a16:creationId xmlns:a16="http://schemas.microsoft.com/office/drawing/2014/main" id="{D7774B17-3D90-4186-A97F-EF9A239A89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334217687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Obrázek s titulk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>
            <a:extLst>
              <a:ext uri="{FF2B5EF4-FFF2-40B4-BE49-F238E27FC236}">
                <a16:creationId xmlns:a16="http://schemas.microsoft.com/office/drawing/2014/main" id="{C3146BD1-0523-4C39-9A0F-57AD3ADF30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cs-CZ"/>
              <a:t>Kliknutím lze upravit styl.</a:t>
            </a:r>
          </a:p>
        </p:txBody>
      </p:sp>
      <p:sp>
        <p:nvSpPr>
          <p:cNvPr id="3" name="Zástupný symbol obrázku 2">
            <a:extLst>
              <a:ext uri="{FF2B5EF4-FFF2-40B4-BE49-F238E27FC236}">
                <a16:creationId xmlns:a16="http://schemas.microsoft.com/office/drawing/2014/main" id="{725CC500-2911-4C3B-A7D9-D153AA144BF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cs-CZ"/>
          </a:p>
        </p:txBody>
      </p:sp>
      <p:sp>
        <p:nvSpPr>
          <p:cNvPr id="4" name="Zástupný text 3">
            <a:extLst>
              <a:ext uri="{FF2B5EF4-FFF2-40B4-BE49-F238E27FC236}">
                <a16:creationId xmlns:a16="http://schemas.microsoft.com/office/drawing/2014/main" id="{54F4A627-3B5D-4EEF-8578-DAA7E348D33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cs-CZ"/>
              <a:t>Po kliknutí můžete upravovat styly textu v předloze.</a:t>
            </a:r>
          </a:p>
        </p:txBody>
      </p:sp>
      <p:sp>
        <p:nvSpPr>
          <p:cNvPr id="5" name="Zástupný symbol pro datum 4">
            <a:extLst>
              <a:ext uri="{FF2B5EF4-FFF2-40B4-BE49-F238E27FC236}">
                <a16:creationId xmlns:a16="http://schemas.microsoft.com/office/drawing/2014/main" id="{F4BBB45D-6826-499A-9675-5BC11CA9B0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6" name="Zástupný symbol pro zápatí 5">
            <a:extLst>
              <a:ext uri="{FF2B5EF4-FFF2-40B4-BE49-F238E27FC236}">
                <a16:creationId xmlns:a16="http://schemas.microsoft.com/office/drawing/2014/main" id="{EBE36738-45CD-47C3-BF0E-6D33568B22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7" name="Zástupný symbol pro číslo snímku 6">
            <a:extLst>
              <a:ext uri="{FF2B5EF4-FFF2-40B4-BE49-F238E27FC236}">
                <a16:creationId xmlns:a16="http://schemas.microsoft.com/office/drawing/2014/main" id="{8CC315C9-9F22-4396-B4C4-86796BB262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26595945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nadpis 1">
            <a:extLst>
              <a:ext uri="{FF2B5EF4-FFF2-40B4-BE49-F238E27FC236}">
                <a16:creationId xmlns:a16="http://schemas.microsoft.com/office/drawing/2014/main" id="{172282B6-DBB0-4377-B1E9-DB1A9AA0AD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cs-CZ"/>
              <a:t>Kliknutím lze upravit styl.</a:t>
            </a:r>
          </a:p>
        </p:txBody>
      </p:sp>
      <p:sp>
        <p:nvSpPr>
          <p:cNvPr id="3" name="Zástupný text 2">
            <a:extLst>
              <a:ext uri="{FF2B5EF4-FFF2-40B4-BE49-F238E27FC236}">
                <a16:creationId xmlns:a16="http://schemas.microsoft.com/office/drawing/2014/main" id="{4EE4F252-F77D-4AC6-A855-E0028F72959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cs-CZ"/>
              <a:t>Po kliknutí můžete upravovat styly textu v předloze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>
            <a:extLst>
              <a:ext uri="{FF2B5EF4-FFF2-40B4-BE49-F238E27FC236}">
                <a16:creationId xmlns:a16="http://schemas.microsoft.com/office/drawing/2014/main" id="{C30F5906-7FEF-40BE-9619-0F08D7E7929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58314E-1790-4A65-A837-AB05172E35A4}" type="datetimeFigureOut">
              <a:rPr lang="cs-CZ" smtClean="0"/>
              <a:t>01.04.2019</a:t>
            </a:fld>
            <a:endParaRPr lang="cs-CZ"/>
          </a:p>
        </p:txBody>
      </p:sp>
      <p:sp>
        <p:nvSpPr>
          <p:cNvPr id="5" name="Zástupný symbol pro zápatí 4">
            <a:extLst>
              <a:ext uri="{FF2B5EF4-FFF2-40B4-BE49-F238E27FC236}">
                <a16:creationId xmlns:a16="http://schemas.microsoft.com/office/drawing/2014/main" id="{CD8E8E4C-6400-4953-93A2-D36C7860E00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cs-CZ"/>
          </a:p>
        </p:txBody>
      </p:sp>
      <p:sp>
        <p:nvSpPr>
          <p:cNvPr id="6" name="Zástupný symbol pro číslo snímku 5">
            <a:extLst>
              <a:ext uri="{FF2B5EF4-FFF2-40B4-BE49-F238E27FC236}">
                <a16:creationId xmlns:a16="http://schemas.microsoft.com/office/drawing/2014/main" id="{EB0F87D1-AF44-474A-AF45-B83D1057174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EBD88D6-6DD0-4890-9663-4A3ACB814075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30115956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cs-CZ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notesSlide" Target="../notesSlides/notesSlide2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217" Type="http://schemas.openxmlformats.org/officeDocument/2006/relationships/tags" Target="../tags/tag21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38" Type="http://schemas.openxmlformats.org/officeDocument/2006/relationships/tags" Target="../tags/tag238.xml"/><Relationship Id="rId254" Type="http://schemas.openxmlformats.org/officeDocument/2006/relationships/tags" Target="../tags/tag254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223" Type="http://schemas.openxmlformats.org/officeDocument/2006/relationships/tags" Target="../tags/tag223.xml"/><Relationship Id="rId228" Type="http://schemas.openxmlformats.org/officeDocument/2006/relationships/tags" Target="../tags/tag228.xml"/><Relationship Id="rId244" Type="http://schemas.openxmlformats.org/officeDocument/2006/relationships/tags" Target="../tags/tag244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34" Type="http://schemas.openxmlformats.org/officeDocument/2006/relationships/tags" Target="../tags/tag234.xml"/><Relationship Id="rId239" Type="http://schemas.openxmlformats.org/officeDocument/2006/relationships/tags" Target="../tags/tag239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0" Type="http://schemas.openxmlformats.org/officeDocument/2006/relationships/tags" Target="../tags/tag250.xml"/><Relationship Id="rId255" Type="http://schemas.openxmlformats.org/officeDocument/2006/relationships/tags" Target="../tags/tag255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0" Type="http://schemas.openxmlformats.org/officeDocument/2006/relationships/tags" Target="../tags/tag240.xml"/><Relationship Id="rId245" Type="http://schemas.openxmlformats.org/officeDocument/2006/relationships/tags" Target="../tags/tag245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tags" Target="../tags/tag235.xml"/><Relationship Id="rId251" Type="http://schemas.openxmlformats.org/officeDocument/2006/relationships/tags" Target="../tags/tag251.xml"/><Relationship Id="rId256" Type="http://schemas.openxmlformats.org/officeDocument/2006/relationships/tags" Target="../tags/tag256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241" Type="http://schemas.openxmlformats.org/officeDocument/2006/relationships/tags" Target="../tags/tag241.xml"/><Relationship Id="rId246" Type="http://schemas.openxmlformats.org/officeDocument/2006/relationships/tags" Target="../tags/tag246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slideLayout" Target="../slideLayouts/slideLayout7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diagramData" Target="../diagrams/data3.xml"/><Relationship Id="rId18" Type="http://schemas.openxmlformats.org/officeDocument/2006/relationships/diagramData" Target="../diagrams/data4.xml"/><Relationship Id="rId3" Type="http://schemas.openxmlformats.org/officeDocument/2006/relationships/diagramData" Target="../diagrams/data1.xml"/><Relationship Id="rId21" Type="http://schemas.openxmlformats.org/officeDocument/2006/relationships/diagramColors" Target="../diagrams/colors4.xml"/><Relationship Id="rId7" Type="http://schemas.microsoft.com/office/2007/relationships/diagramDrawing" Target="../diagrams/drawing1.xml"/><Relationship Id="rId12" Type="http://schemas.microsoft.com/office/2007/relationships/diagramDrawing" Target="../diagrams/drawing2.xml"/><Relationship Id="rId17" Type="http://schemas.microsoft.com/office/2007/relationships/diagramDrawing" Target="../diagrams/drawing3.xml"/><Relationship Id="rId2" Type="http://schemas.openxmlformats.org/officeDocument/2006/relationships/notesSlide" Target="../notesSlides/notesSlide3.xml"/><Relationship Id="rId16" Type="http://schemas.openxmlformats.org/officeDocument/2006/relationships/diagramColors" Target="../diagrams/colors3.xml"/><Relationship Id="rId20" Type="http://schemas.openxmlformats.org/officeDocument/2006/relationships/diagramQuickStyle" Target="../diagrams/quickStyle4.xml"/><Relationship Id="rId1" Type="http://schemas.openxmlformats.org/officeDocument/2006/relationships/slideLayout" Target="../slideLayouts/slideLayout7.xml"/><Relationship Id="rId6" Type="http://schemas.openxmlformats.org/officeDocument/2006/relationships/diagramColors" Target="../diagrams/colors1.xml"/><Relationship Id="rId11" Type="http://schemas.openxmlformats.org/officeDocument/2006/relationships/diagramColors" Target="../diagrams/colors2.xml"/><Relationship Id="rId5" Type="http://schemas.openxmlformats.org/officeDocument/2006/relationships/diagramQuickStyle" Target="../diagrams/quickStyle1.xml"/><Relationship Id="rId15" Type="http://schemas.openxmlformats.org/officeDocument/2006/relationships/diagramQuickStyle" Target="../diagrams/quickStyle3.xml"/><Relationship Id="rId10" Type="http://schemas.openxmlformats.org/officeDocument/2006/relationships/diagramQuickStyle" Target="../diagrams/quickStyle2.xml"/><Relationship Id="rId19" Type="http://schemas.openxmlformats.org/officeDocument/2006/relationships/diagramLayout" Target="../diagrams/layout4.xml"/><Relationship Id="rId4" Type="http://schemas.openxmlformats.org/officeDocument/2006/relationships/diagramLayout" Target="../diagrams/layout1.xml"/><Relationship Id="rId9" Type="http://schemas.openxmlformats.org/officeDocument/2006/relationships/diagramLayout" Target="../diagrams/layout2.xml"/><Relationship Id="rId14" Type="http://schemas.openxmlformats.org/officeDocument/2006/relationships/diagramLayout" Target="../diagrams/layout3.xml"/><Relationship Id="rId22" Type="http://schemas.microsoft.com/office/2007/relationships/diagramDrawing" Target="../diagrams/drawin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6.emf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Relationship Id="rId6" Type="http://schemas.openxmlformats.org/officeDocument/2006/relationships/diagramColors" Target="../diagrams/colors5.xml"/><Relationship Id="rId5" Type="http://schemas.openxmlformats.org/officeDocument/2006/relationships/diagramQuickStyle" Target="../diagrams/quickStyle5.xml"/><Relationship Id="rId4" Type="http://schemas.openxmlformats.org/officeDocument/2006/relationships/diagramLayout" Target="../diagrams/layout5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diagramData" Target="../diagrams/data6.xml"/><Relationship Id="rId7" Type="http://schemas.microsoft.com/office/2007/relationships/diagramDrawing" Target="../diagrams/drawing6.xml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7.xml"/><Relationship Id="rId6" Type="http://schemas.openxmlformats.org/officeDocument/2006/relationships/diagramColors" Target="../diagrams/colors6.xml"/><Relationship Id="rId5" Type="http://schemas.openxmlformats.org/officeDocument/2006/relationships/diagramQuickStyle" Target="../diagrams/quickStyle6.xml"/><Relationship Id="rId4" Type="http://schemas.openxmlformats.org/officeDocument/2006/relationships/diagramLayout" Target="../diagrams/layout6.xml"/><Relationship Id="rId9" Type="http://schemas.openxmlformats.org/officeDocument/2006/relationships/image" Target="../media/image16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Rectangle 30">
            <a:extLst>
              <a:ext uri="{FF2B5EF4-FFF2-40B4-BE49-F238E27FC236}">
                <a16:creationId xmlns:a16="http://schemas.microsoft.com/office/drawing/2014/main" id="{C9F26692-F12A-4F9E-9C6D-FABE9A277FD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708905" y="3726"/>
            <a:ext cx="6483095" cy="6858000"/>
          </a:xfrm>
          <a:prstGeom prst="rect">
            <a:avLst/>
          </a:prstGeom>
          <a:gradFill>
            <a:gsLst>
              <a:gs pos="0">
                <a:schemeClr val="accent1">
                  <a:lumMod val="100000"/>
                  <a:alpha val="82000"/>
                </a:schemeClr>
              </a:gs>
              <a:gs pos="25000">
                <a:schemeClr val="accent1">
                  <a:alpha val="60000"/>
                </a:schemeClr>
              </a:gs>
              <a:gs pos="94000">
                <a:schemeClr val="bg2">
                  <a:lumMod val="75000"/>
                </a:schemeClr>
              </a:gs>
              <a:gs pos="100000">
                <a:schemeClr val="bg2">
                  <a:lumMod val="75000"/>
                </a:schemeClr>
              </a:gs>
            </a:gsLst>
            <a:lin ang="4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3" name="Picture 32">
            <a:extLst>
              <a:ext uri="{FF2B5EF4-FFF2-40B4-BE49-F238E27FC236}">
                <a16:creationId xmlns:a16="http://schemas.microsoft.com/office/drawing/2014/main" id="{19BDF44E-531A-4177-A2D6-2D2310D0583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0" y="0"/>
            <a:ext cx="12192000" cy="6858000"/>
          </a:xfrm>
          <a:prstGeom prst="rect">
            <a:avLst/>
          </a:prstGeom>
        </p:spPr>
      </p:pic>
      <p:sp>
        <p:nvSpPr>
          <p:cNvPr id="9" name="Nadpis 8">
            <a:extLst>
              <a:ext uri="{FF2B5EF4-FFF2-40B4-BE49-F238E27FC236}">
                <a16:creationId xmlns:a16="http://schemas.microsoft.com/office/drawing/2014/main" id="{F058ACB2-48F1-4A8B-BA64-6D780B5643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9681" y="2796414"/>
            <a:ext cx="5946579" cy="1514185"/>
          </a:xfr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en-US" b="1" dirty="0">
                <a:solidFill>
                  <a:srgbClr val="000000"/>
                </a:solidFill>
              </a:rPr>
              <a:t>Lubomír Fojtů</a:t>
            </a:r>
            <a:br>
              <a:rPr lang="en-US" b="1" dirty="0">
                <a:solidFill>
                  <a:srgbClr val="000000"/>
                </a:solidFill>
              </a:rPr>
            </a:br>
            <a:br>
              <a:rPr lang="en-US" dirty="0">
                <a:solidFill>
                  <a:srgbClr val="000000"/>
                </a:solidFill>
              </a:rPr>
            </a:br>
            <a:r>
              <a:rPr lang="en-US" dirty="0">
                <a:solidFill>
                  <a:srgbClr val="000000"/>
                </a:solidFill>
              </a:rPr>
              <a:t>Waterways Directorate</a:t>
            </a:r>
            <a:br>
              <a:rPr lang="en-US" dirty="0">
                <a:solidFill>
                  <a:srgbClr val="000000"/>
                </a:solidFill>
              </a:rPr>
            </a:br>
            <a:r>
              <a:rPr lang="en-US" dirty="0">
                <a:solidFill>
                  <a:srgbClr val="000000"/>
                </a:solidFill>
              </a:rPr>
              <a:t>of the Czech Republic</a:t>
            </a:r>
            <a:br>
              <a:rPr lang="en-US" dirty="0">
                <a:solidFill>
                  <a:srgbClr val="000000"/>
                </a:solidFill>
              </a:rPr>
            </a:b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69" name="Freeform: Shape 34">
            <a:extLst>
              <a:ext uri="{FF2B5EF4-FFF2-40B4-BE49-F238E27FC236}">
                <a16:creationId xmlns:a16="http://schemas.microsoft.com/office/drawing/2014/main" id="{6BFB173A-5EF2-43F4-B3BB-6EA1975FAB8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533377" y="0"/>
            <a:ext cx="3801784" cy="2254263"/>
          </a:xfrm>
          <a:custGeom>
            <a:avLst/>
            <a:gdLst>
              <a:gd name="connsiteX0" fmla="*/ 34084 w 3801784"/>
              <a:gd name="connsiteY0" fmla="*/ 0 h 2254263"/>
              <a:gd name="connsiteX1" fmla="*/ 3767702 w 3801784"/>
              <a:gd name="connsiteY1" fmla="*/ 0 h 2254263"/>
              <a:gd name="connsiteX2" fmla="*/ 3791970 w 3801784"/>
              <a:gd name="connsiteY2" fmla="*/ 159016 h 2254263"/>
              <a:gd name="connsiteX3" fmla="*/ 3801784 w 3801784"/>
              <a:gd name="connsiteY3" fmla="*/ 353371 h 2254263"/>
              <a:gd name="connsiteX4" fmla="*/ 1900892 w 3801784"/>
              <a:gd name="connsiteY4" fmla="*/ 2254263 h 2254263"/>
              <a:gd name="connsiteX5" fmla="*/ 0 w 3801784"/>
              <a:gd name="connsiteY5" fmla="*/ 353371 h 2254263"/>
              <a:gd name="connsiteX6" fmla="*/ 9815 w 3801784"/>
              <a:gd name="connsiteY6" fmla="*/ 159016 h 22542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801784" h="2254263">
                <a:moveTo>
                  <a:pt x="34084" y="0"/>
                </a:moveTo>
                <a:lnTo>
                  <a:pt x="3767702" y="0"/>
                </a:lnTo>
                <a:lnTo>
                  <a:pt x="3791970" y="159016"/>
                </a:lnTo>
                <a:cubicBezTo>
                  <a:pt x="3798459" y="222918"/>
                  <a:pt x="3801784" y="287757"/>
                  <a:pt x="3801784" y="353371"/>
                </a:cubicBezTo>
                <a:cubicBezTo>
                  <a:pt x="3801784" y="1403205"/>
                  <a:pt x="2950726" y="2254263"/>
                  <a:pt x="1900892" y="2254263"/>
                </a:cubicBezTo>
                <a:cubicBezTo>
                  <a:pt x="851058" y="2254263"/>
                  <a:pt x="0" y="1403205"/>
                  <a:pt x="0" y="353371"/>
                </a:cubicBezTo>
                <a:cubicBezTo>
                  <a:pt x="0" y="287757"/>
                  <a:pt x="3325" y="222918"/>
                  <a:pt x="9815" y="159016"/>
                </a:cubicBezTo>
                <a:close/>
              </a:path>
            </a:pathLst>
          </a:custGeom>
          <a:solidFill>
            <a:srgbClr val="FFFFFF"/>
          </a:solidFill>
          <a:ln>
            <a:gradFill>
              <a:gsLst>
                <a:gs pos="0">
                  <a:schemeClr val="accent1">
                    <a:lumMod val="40000"/>
                    <a:lumOff val="60000"/>
                  </a:schemeClr>
                </a:gs>
                <a:gs pos="23000">
                  <a:schemeClr val="accent1">
                    <a:lumMod val="45000"/>
                    <a:lumOff val="55000"/>
                  </a:schemeClr>
                </a:gs>
                <a:gs pos="83000">
                  <a:schemeClr val="bg2">
                    <a:lumMod val="75000"/>
                  </a:schemeClr>
                </a:gs>
                <a:gs pos="100000">
                  <a:schemeClr val="bg2">
                    <a:lumMod val="75000"/>
                  </a:schemeClr>
                </a:gs>
              </a:gsLst>
              <a:lin ang="5400000" scaled="1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pic>
        <p:nvPicPr>
          <p:cNvPr id="4" name="Obrázek 3">
            <a:extLst>
              <a:ext uri="{FF2B5EF4-FFF2-40B4-BE49-F238E27FC236}">
                <a16:creationId xmlns:a16="http://schemas.microsoft.com/office/drawing/2014/main" id="{13B24C1D-99C0-4C4C-890A-D851EB00585E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45111" y="456207"/>
            <a:ext cx="2378315" cy="986747"/>
          </a:xfrm>
          <a:prstGeom prst="rect">
            <a:avLst/>
          </a:prstGeom>
          <a:noFill/>
        </p:spPr>
      </p:pic>
      <p:sp>
        <p:nvSpPr>
          <p:cNvPr id="37" name="Freeform 67">
            <a:extLst>
              <a:ext uri="{FF2B5EF4-FFF2-40B4-BE49-F238E27FC236}">
                <a16:creationId xmlns:a16="http://schemas.microsoft.com/office/drawing/2014/main" id="{726FC37F-1DE8-4A19-A1DE-0A2176ED8D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7486728" y="3030547"/>
            <a:ext cx="4705272" cy="3827453"/>
          </a:xfrm>
          <a:custGeom>
            <a:avLst/>
            <a:gdLst>
              <a:gd name="connsiteX0" fmla="*/ 2718646 w 4647408"/>
              <a:gd name="connsiteY0" fmla="*/ 0 h 3780384"/>
              <a:gd name="connsiteX1" fmla="*/ 4641019 w 4647408"/>
              <a:gd name="connsiteY1" fmla="*/ 796273 h 3780384"/>
              <a:gd name="connsiteX2" fmla="*/ 4647408 w 4647408"/>
              <a:gd name="connsiteY2" fmla="*/ 803303 h 3780384"/>
              <a:gd name="connsiteX3" fmla="*/ 4647408 w 4647408"/>
              <a:gd name="connsiteY3" fmla="*/ 3780384 h 3780384"/>
              <a:gd name="connsiteX4" fmla="*/ 215340 w 4647408"/>
              <a:gd name="connsiteY4" fmla="*/ 3780384 h 3780384"/>
              <a:gd name="connsiteX5" fmla="*/ 213645 w 4647408"/>
              <a:gd name="connsiteY5" fmla="*/ 3776866 h 3780384"/>
              <a:gd name="connsiteX6" fmla="*/ 0 w 4647408"/>
              <a:gd name="connsiteY6" fmla="*/ 2718646 h 3780384"/>
              <a:gd name="connsiteX7" fmla="*/ 2718646 w 4647408"/>
              <a:gd name="connsiteY7" fmla="*/ 0 h 37803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647408" h="3780384">
                <a:moveTo>
                  <a:pt x="2718646" y="0"/>
                </a:moveTo>
                <a:cubicBezTo>
                  <a:pt x="3469379" y="0"/>
                  <a:pt x="4149041" y="304295"/>
                  <a:pt x="4641019" y="796273"/>
                </a:cubicBezTo>
                <a:lnTo>
                  <a:pt x="4647408" y="803303"/>
                </a:lnTo>
                <a:lnTo>
                  <a:pt x="4647408" y="3780384"/>
                </a:lnTo>
                <a:lnTo>
                  <a:pt x="215340" y="3780384"/>
                </a:lnTo>
                <a:lnTo>
                  <a:pt x="213645" y="3776866"/>
                </a:lnTo>
                <a:cubicBezTo>
                  <a:pt x="76074" y="3451612"/>
                  <a:pt x="0" y="3094013"/>
                  <a:pt x="0" y="2718646"/>
                </a:cubicBezTo>
                <a:cubicBezTo>
                  <a:pt x="0" y="1217179"/>
                  <a:pt x="1217179" y="0"/>
                  <a:pt x="2718646" y="0"/>
                </a:cubicBezTo>
                <a:close/>
              </a:path>
            </a:pathLst>
          </a:custGeom>
          <a:solidFill>
            <a:srgbClr val="FFFFFF"/>
          </a:solidFill>
          <a:ln>
            <a:gradFill>
              <a:gsLst>
                <a:gs pos="0">
                  <a:schemeClr val="accent1">
                    <a:lumMod val="40000"/>
                    <a:lumOff val="60000"/>
                  </a:schemeClr>
                </a:gs>
                <a:gs pos="23000">
                  <a:schemeClr val="accent1">
                    <a:lumMod val="45000"/>
                    <a:lumOff val="55000"/>
                  </a:schemeClr>
                </a:gs>
                <a:gs pos="83000">
                  <a:schemeClr val="bg2">
                    <a:lumMod val="75000"/>
                  </a:schemeClr>
                </a:gs>
                <a:gs pos="100000">
                  <a:schemeClr val="bg2">
                    <a:lumMod val="75000"/>
                  </a:schemeClr>
                </a:gs>
              </a:gsLst>
              <a:lin ang="5400000" scaled="1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pic>
        <p:nvPicPr>
          <p:cNvPr id="5" name="Obrázek 4">
            <a:extLst>
              <a:ext uri="{FF2B5EF4-FFF2-40B4-BE49-F238E27FC236}">
                <a16:creationId xmlns:a16="http://schemas.microsoft.com/office/drawing/2014/main" id="{94F568FA-1987-4A6B-BF53-BF6AAB8B543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442670" y="4260600"/>
            <a:ext cx="3421939" cy="19419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5801555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 idx="4294967295"/>
          </p:nvPr>
        </p:nvSpPr>
        <p:spPr>
          <a:xfrm>
            <a:off x="3287714" y="-26988"/>
            <a:ext cx="7312025" cy="1143001"/>
          </a:xfrm>
        </p:spPr>
        <p:txBody>
          <a:bodyPr/>
          <a:lstStyle/>
          <a:p>
            <a:pPr eaLnBrk="1" hangingPunct="1">
              <a:defRPr/>
            </a:pPr>
            <a:r>
              <a:rPr lang="en-US" sz="1800" dirty="0"/>
              <a:t>Waterway network of the Czech Republic – major bottlenecks</a:t>
            </a:r>
          </a:p>
        </p:txBody>
      </p:sp>
      <p:pic>
        <p:nvPicPr>
          <p:cNvPr id="9" name="Picture 4" descr="mapa VC CZ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90876" y="1259450"/>
            <a:ext cx="7477125" cy="46656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Oval 5"/>
          <p:cNvSpPr>
            <a:spLocks noChangeArrowheads="1"/>
          </p:cNvSpPr>
          <p:nvPr/>
        </p:nvSpPr>
        <p:spPr bwMode="auto">
          <a:xfrm>
            <a:off x="6626226" y="2954899"/>
            <a:ext cx="601663" cy="534988"/>
          </a:xfrm>
          <a:prstGeom prst="ellipse">
            <a:avLst/>
          </a:prstGeom>
          <a:noFill/>
          <a:ln w="101600">
            <a:solidFill>
              <a:srgbClr val="FF33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anchor="ctr"/>
          <a:lstStyle>
            <a:lvl1pPr eaLnBrk="0" hangingPunct="0"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eaLnBrk="0" hangingPunct="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eaLnBrk="0" hangingPunct="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eaLnBrk="0" hangingPunct="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eaLnBrk="0" hangingPunct="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buFontTx/>
              <a:buChar char="–"/>
            </a:pPr>
            <a:endParaRPr lang="cs-CZ" altLang="cs-CZ" sz="1800" b="1">
              <a:latin typeface="Tahoma" panose="020B0604030504040204" pitchFamily="34" charset="0"/>
            </a:endParaRPr>
          </a:p>
        </p:txBody>
      </p:sp>
      <p:cxnSp>
        <p:nvCxnSpPr>
          <p:cNvPr id="11" name="Přímá spojovací šipka 6"/>
          <p:cNvCxnSpPr>
            <a:cxnSpLocks noChangeShapeType="1"/>
          </p:cNvCxnSpPr>
          <p:nvPr/>
        </p:nvCxnSpPr>
        <p:spPr bwMode="auto">
          <a:xfrm>
            <a:off x="5607050" y="2199249"/>
            <a:ext cx="1157288" cy="858838"/>
          </a:xfrm>
          <a:prstGeom prst="straightConnector1">
            <a:avLst/>
          </a:prstGeom>
          <a:noFill/>
          <a:ln w="44450" algn="ctr">
            <a:solidFill>
              <a:srgbClr val="0038EC"/>
            </a:solidFill>
            <a:round/>
            <a:headEnd type="arrow" w="med" len="med"/>
            <a:tailEnd type="arrow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12" name="Přímá spojovací šipka 8"/>
          <p:cNvCxnSpPr>
            <a:cxnSpLocks noChangeShapeType="1"/>
          </p:cNvCxnSpPr>
          <p:nvPr/>
        </p:nvCxnSpPr>
        <p:spPr bwMode="auto">
          <a:xfrm flipH="1">
            <a:off x="5391150" y="2575488"/>
            <a:ext cx="71438" cy="911225"/>
          </a:xfrm>
          <a:prstGeom prst="straightConnector1">
            <a:avLst/>
          </a:prstGeom>
          <a:noFill/>
          <a:ln w="44450" algn="ctr">
            <a:solidFill>
              <a:srgbClr val="0038EC"/>
            </a:solidFill>
            <a:round/>
            <a:headEnd type="arrow" w="med" len="med"/>
            <a:tailEnd type="arrow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3" name="Zaoblený obdélník 10"/>
          <p:cNvSpPr>
            <a:spLocks noChangeArrowheads="1"/>
          </p:cNvSpPr>
          <p:nvPr/>
        </p:nvSpPr>
        <p:spPr bwMode="auto">
          <a:xfrm>
            <a:off x="3227389" y="4574149"/>
            <a:ext cx="3438525" cy="647700"/>
          </a:xfrm>
          <a:prstGeom prst="roundRect">
            <a:avLst>
              <a:gd name="adj" fmla="val 16667"/>
            </a:avLst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>
            <a:lvl1pPr marL="762000" indent="-285750" eaLnBrk="0" hangingPunct="0"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eaLnBrk="0" hangingPunct="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eaLnBrk="0" hangingPunct="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eaLnBrk="0" hangingPunct="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eaLnBrk="0" hangingPunct="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>
              <a:buFontTx/>
              <a:buChar char="–"/>
            </a:pPr>
            <a:endParaRPr lang="cs-CZ" altLang="cs-CZ" sz="1800" b="1">
              <a:latin typeface="Tahoma" panose="020B0604030504040204" pitchFamily="34" charset="0"/>
            </a:endParaRPr>
          </a:p>
        </p:txBody>
      </p:sp>
      <p:sp>
        <p:nvSpPr>
          <p:cNvPr id="14" name="Zaoblený obdélník 11"/>
          <p:cNvSpPr>
            <a:spLocks noChangeArrowheads="1"/>
          </p:cNvSpPr>
          <p:nvPr/>
        </p:nvSpPr>
        <p:spPr bwMode="auto">
          <a:xfrm>
            <a:off x="3197226" y="4574150"/>
            <a:ext cx="2955925" cy="811213"/>
          </a:xfrm>
          <a:prstGeom prst="roundRect">
            <a:avLst>
              <a:gd name="adj" fmla="val 16667"/>
            </a:avLst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>
            <a:lvl1pPr marL="762000" indent="-285750" eaLnBrk="0" hangingPunct="0"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eaLnBrk="0" hangingPunct="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eaLnBrk="0" hangingPunct="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eaLnBrk="0" hangingPunct="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eaLnBrk="0" hangingPunct="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>
              <a:buFontTx/>
              <a:buChar char="–"/>
            </a:pPr>
            <a:endParaRPr lang="cs-CZ" altLang="cs-CZ" sz="1800" b="1">
              <a:latin typeface="Tahoma" panose="020B0604030504040204" pitchFamily="34" charset="0"/>
            </a:endParaRPr>
          </a:p>
        </p:txBody>
      </p:sp>
      <p:sp>
        <p:nvSpPr>
          <p:cNvPr id="16" name="Oval 5"/>
          <p:cNvSpPr>
            <a:spLocks noChangeArrowheads="1"/>
          </p:cNvSpPr>
          <p:nvPr/>
        </p:nvSpPr>
        <p:spPr bwMode="auto">
          <a:xfrm>
            <a:off x="5310188" y="1549963"/>
            <a:ext cx="601662" cy="534987"/>
          </a:xfrm>
          <a:prstGeom prst="ellipse">
            <a:avLst/>
          </a:prstGeom>
          <a:noFill/>
          <a:ln w="101600">
            <a:solidFill>
              <a:srgbClr val="FF33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anchor="ctr"/>
          <a:lstStyle>
            <a:lvl1pPr eaLnBrk="0" hangingPunct="0"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eaLnBrk="0" hangingPunct="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eaLnBrk="0" hangingPunct="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eaLnBrk="0" hangingPunct="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eaLnBrk="0" hangingPunct="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buFontTx/>
              <a:buChar char="–"/>
            </a:pPr>
            <a:endParaRPr lang="cs-CZ" altLang="cs-CZ" sz="1800" b="1">
              <a:latin typeface="Tahoma" panose="020B0604030504040204" pitchFamily="34" charset="0"/>
            </a:endParaRPr>
          </a:p>
        </p:txBody>
      </p:sp>
      <p:sp>
        <p:nvSpPr>
          <p:cNvPr id="20" name="AutoShape 10"/>
          <p:cNvSpPr>
            <a:spLocks noChangeArrowheads="1"/>
          </p:cNvSpPr>
          <p:nvPr/>
        </p:nvSpPr>
        <p:spPr bwMode="auto">
          <a:xfrm>
            <a:off x="6938703" y="1470587"/>
            <a:ext cx="3433763" cy="614363"/>
          </a:xfrm>
          <a:prstGeom prst="roundRect">
            <a:avLst>
              <a:gd name="adj" fmla="val 16667"/>
            </a:avLst>
          </a:prstGeom>
          <a:solidFill>
            <a:srgbClr val="00B0F0"/>
          </a:solidFill>
          <a:ln>
            <a:noFill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>
              <a:defRPr/>
            </a:pP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Labe –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stable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navigation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conditions</a:t>
            </a:r>
            <a:endParaRPr lang="cs-CZ" sz="1400" b="1" dirty="0">
              <a:solidFill>
                <a:schemeClr val="bg1"/>
              </a:solidFill>
              <a:latin typeface="Arial" charset="0"/>
              <a:sym typeface="Symbol" pitchFamily="18" charset="2"/>
            </a:endParaRPr>
          </a:p>
          <a:p>
            <a:pPr algn="ctr">
              <a:defRPr/>
            </a:pP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(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cascade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21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locks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)</a:t>
            </a:r>
          </a:p>
        </p:txBody>
      </p:sp>
      <p:sp>
        <p:nvSpPr>
          <p:cNvPr id="21" name="AutoShape 10"/>
          <p:cNvSpPr>
            <a:spLocks noChangeArrowheads="1"/>
          </p:cNvSpPr>
          <p:nvPr/>
        </p:nvSpPr>
        <p:spPr bwMode="auto">
          <a:xfrm>
            <a:off x="1869949" y="2136084"/>
            <a:ext cx="1822450" cy="1285875"/>
          </a:xfrm>
          <a:prstGeom prst="roundRect">
            <a:avLst>
              <a:gd name="adj" fmla="val 16667"/>
            </a:avLst>
          </a:prstGeom>
          <a:solidFill>
            <a:srgbClr val="00B0F0"/>
          </a:solidFill>
          <a:ln>
            <a:noFill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>
              <a:defRPr/>
            </a:pP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Vltava</a:t>
            </a:r>
          </a:p>
          <a:p>
            <a:pPr algn="ctr">
              <a:defRPr/>
            </a:pP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stable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navigation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conditions</a:t>
            </a:r>
            <a:endParaRPr lang="cs-CZ" sz="1400" b="1" dirty="0">
              <a:solidFill>
                <a:schemeClr val="bg1"/>
              </a:solidFill>
              <a:latin typeface="Arial" charset="0"/>
              <a:sym typeface="Symbol" pitchFamily="18" charset="2"/>
            </a:endParaRPr>
          </a:p>
          <a:p>
            <a:pPr algn="ctr">
              <a:defRPr/>
            </a:pP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(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cascade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10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locks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)</a:t>
            </a:r>
          </a:p>
        </p:txBody>
      </p:sp>
      <p:sp>
        <p:nvSpPr>
          <p:cNvPr id="22" name="AutoShape 8"/>
          <p:cNvSpPr>
            <a:spLocks noChangeArrowheads="1"/>
          </p:cNvSpPr>
          <p:nvPr/>
        </p:nvSpPr>
        <p:spPr bwMode="auto">
          <a:xfrm>
            <a:off x="6764339" y="3693421"/>
            <a:ext cx="2751137" cy="590550"/>
          </a:xfrm>
          <a:prstGeom prst="wedgeRoundRectCallout">
            <a:avLst>
              <a:gd name="adj1" fmla="val -40194"/>
              <a:gd name="adj2" fmla="val -95764"/>
              <a:gd name="adj3" fmla="val 16667"/>
            </a:avLst>
          </a:prstGeom>
          <a:solidFill>
            <a:srgbClr val="00B0F0"/>
          </a:solidFill>
          <a:ln>
            <a:noFill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>
              <a:defRPr/>
            </a:pPr>
            <a:r>
              <a:rPr lang="cs-CZ" sz="1400" b="1" dirty="0" err="1">
                <a:solidFill>
                  <a:schemeClr val="bg1"/>
                </a:solidFill>
                <a:latin typeface="Arial" charset="0"/>
              </a:rPr>
              <a:t>Missing</a:t>
            </a:r>
            <a:r>
              <a:rPr lang="cs-CZ" sz="1400" b="1" dirty="0">
                <a:solidFill>
                  <a:schemeClr val="bg1"/>
                </a:solidFill>
                <a:latin typeface="Arial" charset="0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</a:rPr>
              <a:t>connection</a:t>
            </a:r>
            <a:r>
              <a:rPr lang="cs-CZ" sz="1400" b="1" dirty="0">
                <a:solidFill>
                  <a:schemeClr val="bg1"/>
                </a:solidFill>
                <a:latin typeface="Arial" charset="0"/>
              </a:rPr>
              <a:t> to Pardubice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</a:rPr>
              <a:t>aglomeration</a:t>
            </a:r>
            <a:endParaRPr lang="cs-CZ" sz="1400" b="1" dirty="0">
              <a:solidFill>
                <a:schemeClr val="bg1"/>
              </a:solidFill>
              <a:latin typeface="Arial" charset="0"/>
            </a:endParaRPr>
          </a:p>
        </p:txBody>
      </p:sp>
      <p:grpSp>
        <p:nvGrpSpPr>
          <p:cNvPr id="3" name="Skupina 2">
            <a:extLst>
              <a:ext uri="{FF2B5EF4-FFF2-40B4-BE49-F238E27FC236}">
                <a16:creationId xmlns:a16="http://schemas.microsoft.com/office/drawing/2014/main" id="{5E4A30F0-FBD8-462F-BFA7-97107AB3C6D7}"/>
              </a:ext>
            </a:extLst>
          </p:cNvPr>
          <p:cNvGrpSpPr/>
          <p:nvPr/>
        </p:nvGrpSpPr>
        <p:grpSpPr>
          <a:xfrm>
            <a:off x="2138669" y="5737455"/>
            <a:ext cx="8600581" cy="1120545"/>
            <a:chOff x="1980081" y="4982471"/>
            <a:chExt cx="8600581" cy="1189038"/>
          </a:xfrm>
        </p:grpSpPr>
        <p:sp>
          <p:nvSpPr>
            <p:cNvPr id="7" name="Subtitle 2"/>
            <p:cNvSpPr txBox="1">
              <a:spLocks/>
            </p:cNvSpPr>
            <p:nvPr/>
          </p:nvSpPr>
          <p:spPr>
            <a:xfrm>
              <a:off x="3098615" y="5117072"/>
              <a:ext cx="7482047" cy="990600"/>
            </a:xfrm>
            <a:prstGeom prst="rect">
              <a:avLst/>
            </a:prstGeom>
          </p:spPr>
          <p:txBody>
            <a:bodyPr vert="horz" lIns="104287" tIns="52144" rIns="104287" bIns="52144" rtlCol="0">
              <a:normAutofit/>
            </a:bodyPr>
            <a:lstStyle/>
            <a:p>
              <a:pPr defTabSz="521437">
                <a:spcBef>
                  <a:spcPct val="20000"/>
                </a:spcBef>
                <a:defRPr/>
              </a:pPr>
              <a:endParaRPr lang="it-IT" sz="3600" dirty="0">
                <a:solidFill>
                  <a:schemeClr val="tx1">
                    <a:tint val="75000"/>
                  </a:schemeClr>
                </a:solidFill>
                <a:latin typeface="Myriad Pro"/>
                <a:cs typeface="Myriad Pro"/>
              </a:endParaRPr>
            </a:p>
          </p:txBody>
        </p:sp>
        <p:sp>
          <p:nvSpPr>
            <p:cNvPr id="8" name="Subtitle 2"/>
            <p:cNvSpPr txBox="1">
              <a:spLocks/>
            </p:cNvSpPr>
            <p:nvPr/>
          </p:nvSpPr>
          <p:spPr>
            <a:xfrm>
              <a:off x="3098615" y="5117072"/>
              <a:ext cx="7482047" cy="990600"/>
            </a:xfrm>
            <a:prstGeom prst="rect">
              <a:avLst/>
            </a:prstGeom>
          </p:spPr>
          <p:txBody>
            <a:bodyPr vert="horz" lIns="104287" tIns="52144" rIns="104287" bIns="52144" rtlCol="0">
              <a:normAutofit/>
            </a:bodyPr>
            <a:lstStyle/>
            <a:p>
              <a:pPr defTabSz="521437">
                <a:spcBef>
                  <a:spcPct val="20000"/>
                </a:spcBef>
                <a:defRPr/>
              </a:pPr>
              <a:endParaRPr lang="it-IT" sz="3600" dirty="0">
                <a:solidFill>
                  <a:schemeClr val="tx1">
                    <a:tint val="75000"/>
                  </a:schemeClr>
                </a:solidFill>
                <a:latin typeface="Myriad Pro"/>
                <a:cs typeface="Myriad Pro"/>
              </a:endParaRPr>
            </a:p>
          </p:txBody>
        </p:sp>
        <p:sp>
          <p:nvSpPr>
            <p:cNvPr id="15" name="Zaoblený obdélník 15"/>
            <p:cNvSpPr>
              <a:spLocks noChangeArrowheads="1"/>
            </p:cNvSpPr>
            <p:nvPr/>
          </p:nvSpPr>
          <p:spPr bwMode="auto">
            <a:xfrm>
              <a:off x="1980081" y="4982471"/>
              <a:ext cx="8311403" cy="1189038"/>
            </a:xfrm>
            <a:prstGeom prst="roundRect">
              <a:avLst>
                <a:gd name="adj" fmla="val 16667"/>
              </a:avLst>
            </a:prstGeom>
            <a:solidFill>
              <a:srgbClr val="00B0F0"/>
            </a:solidFill>
            <a:ln>
              <a:noFill/>
            </a:ln>
          </p:spPr>
          <p:txBody>
            <a:bodyPr/>
            <a:lstStyle>
              <a:lvl1pPr marL="762000" indent="-285750" eaLnBrk="0" hangingPunct="0">
                <a:spcBef>
                  <a:spcPct val="20000"/>
                </a:spcBef>
                <a:buFont typeface="Arial" charset="0"/>
                <a:buChar char="•"/>
                <a:defRPr sz="3200">
                  <a:solidFill>
                    <a:schemeClr val="tx1"/>
                  </a:solidFill>
                  <a:latin typeface="Calibri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Font typeface="Arial" charset="0"/>
                <a:buChar char="–"/>
                <a:defRPr sz="2800">
                  <a:solidFill>
                    <a:schemeClr val="tx1"/>
                  </a:solidFill>
                  <a:latin typeface="Calibri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Font typeface="Arial" charset="0"/>
                <a:buChar char="•"/>
                <a:defRPr sz="2400">
                  <a:solidFill>
                    <a:schemeClr val="tx1"/>
                  </a:solidFill>
                  <a:latin typeface="Calibri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Font typeface="Arial" charset="0"/>
                <a:buChar char="–"/>
                <a:defRPr sz="2000">
                  <a:solidFill>
                    <a:schemeClr val="tx1"/>
                  </a:solidFill>
                  <a:latin typeface="Calibri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pitchFamily="34" charset="0"/>
                </a:defRPr>
              </a:lvl5pPr>
              <a:lvl6pPr marL="25146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pitchFamily="34" charset="0"/>
                </a:defRPr>
              </a:lvl6pPr>
              <a:lvl7pPr marL="29718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pitchFamily="34" charset="0"/>
                </a:defRPr>
              </a:lvl7pPr>
              <a:lvl8pPr marL="34290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pitchFamily="34" charset="0"/>
                </a:defRPr>
              </a:lvl8pPr>
              <a:lvl9pPr marL="38862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pitchFamily="34" charset="0"/>
                </a:defRPr>
              </a:lvl9pPr>
            </a:lstStyle>
            <a:p>
              <a:pPr>
                <a:buFontTx/>
                <a:buChar char="–"/>
                <a:defRPr/>
              </a:pPr>
              <a:endParaRPr lang="cs-CZ" altLang="cs-CZ" sz="1800" b="1">
                <a:latin typeface="Tahoma" pitchFamily="34" charset="0"/>
                <a:cs typeface="Arial" charset="0"/>
              </a:endParaRPr>
            </a:p>
          </p:txBody>
        </p:sp>
        <p:sp>
          <p:nvSpPr>
            <p:cNvPr id="17" name="Zahnutá šipka doleva 34"/>
            <p:cNvSpPr>
              <a:spLocks noChangeArrowheads="1"/>
            </p:cNvSpPr>
            <p:nvPr/>
          </p:nvSpPr>
          <p:spPr bwMode="auto">
            <a:xfrm>
              <a:off x="9773912" y="5522221"/>
              <a:ext cx="242887" cy="510630"/>
            </a:xfrm>
            <a:prstGeom prst="curvedLeftArrow">
              <a:avLst>
                <a:gd name="adj1" fmla="val 49881"/>
                <a:gd name="adj2" fmla="val 135359"/>
                <a:gd name="adj3" fmla="val 25000"/>
              </a:avLst>
            </a:prstGeom>
            <a:solidFill>
              <a:srgbClr val="FF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lvl1pPr marL="762000" indent="-285750" eaLnBrk="0" hangingPunct="0">
                <a:spcBef>
                  <a:spcPct val="20000"/>
                </a:spcBef>
                <a:buFont typeface="Arial" panose="020B0604020202020204" pitchFamily="34" charset="0"/>
                <a:buChar char="•"/>
                <a:defRPr sz="3200">
                  <a:solidFill>
                    <a:schemeClr val="tx1"/>
                  </a:solidFill>
                  <a:latin typeface="Calibri" panose="020F0502020204030204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Font typeface="Arial" panose="020B0604020202020204" pitchFamily="34" charset="0"/>
                <a:buChar char="–"/>
                <a:defRPr sz="2800">
                  <a:solidFill>
                    <a:schemeClr val="tx1"/>
                  </a:solidFill>
                  <a:latin typeface="Calibri" panose="020F0502020204030204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Font typeface="Arial" panose="020B0604020202020204" pitchFamily="34" charset="0"/>
                <a:buChar char="•"/>
                <a:defRPr sz="2400">
                  <a:solidFill>
                    <a:schemeClr val="tx1"/>
                  </a:solidFill>
                  <a:latin typeface="Calibri" panose="020F0502020204030204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Font typeface="Arial" panose="020B0604020202020204" pitchFamily="34" charset="0"/>
                <a:buChar char="–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Font typeface="Arial" panose="020B0604020202020204" pitchFamily="34" charset="0"/>
                <a:buChar char="»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5pPr>
              <a:lvl6pPr marL="25146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6pPr>
              <a:lvl7pPr marL="29718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7pPr>
              <a:lvl8pPr marL="34290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8pPr>
              <a:lvl9pPr marL="38862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9pPr>
            </a:lstStyle>
            <a:p>
              <a:pPr>
                <a:buFontTx/>
                <a:buChar char="–"/>
              </a:pPr>
              <a:endParaRPr lang="cs-CZ" altLang="cs-CZ" sz="1800" b="1">
                <a:latin typeface="Tahoma" panose="020B0604030504040204" pitchFamily="34" charset="0"/>
              </a:endParaRPr>
            </a:p>
          </p:txBody>
        </p:sp>
        <p:sp>
          <p:nvSpPr>
            <p:cNvPr id="18" name="Šipka doprava 17"/>
            <p:cNvSpPr/>
            <p:nvPr/>
          </p:nvSpPr>
          <p:spPr>
            <a:xfrm>
              <a:off x="2261456" y="5462725"/>
              <a:ext cx="519718" cy="271463"/>
            </a:xfrm>
            <a:prstGeom prst="rightArrow">
              <a:avLst/>
            </a:prstGeom>
            <a:solidFill>
              <a:srgbClr val="FF0000"/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cs-CZ"/>
            </a:p>
          </p:txBody>
        </p:sp>
        <p:sp>
          <p:nvSpPr>
            <p:cNvPr id="23" name="TextovéPole 13"/>
            <p:cNvSpPr txBox="1">
              <a:spLocks noChangeArrowheads="1"/>
            </p:cNvSpPr>
            <p:nvPr/>
          </p:nvSpPr>
          <p:spPr bwMode="auto">
            <a:xfrm>
              <a:off x="2274561" y="5092010"/>
              <a:ext cx="7499350" cy="101566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 eaLnBrk="0" hangingPunct="0">
                <a:spcBef>
                  <a:spcPct val="20000"/>
                </a:spcBef>
                <a:buFont typeface="Arial" panose="020B0604020202020204" pitchFamily="34" charset="0"/>
                <a:buChar char="•"/>
                <a:defRPr sz="3200">
                  <a:solidFill>
                    <a:schemeClr val="tx1"/>
                  </a:solidFill>
                  <a:latin typeface="Calibri" panose="020F0502020204030204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Font typeface="Arial" panose="020B0604020202020204" pitchFamily="34" charset="0"/>
                <a:buChar char="–"/>
                <a:defRPr sz="2800">
                  <a:solidFill>
                    <a:schemeClr val="tx1"/>
                  </a:solidFill>
                  <a:latin typeface="Calibri" panose="020F0502020204030204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Font typeface="Arial" panose="020B0604020202020204" pitchFamily="34" charset="0"/>
                <a:buChar char="•"/>
                <a:defRPr sz="2400">
                  <a:solidFill>
                    <a:schemeClr val="tx1"/>
                  </a:solidFill>
                  <a:latin typeface="Calibri" panose="020F0502020204030204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Font typeface="Arial" panose="020B0604020202020204" pitchFamily="34" charset="0"/>
                <a:buChar char="–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Font typeface="Arial" panose="020B0604020202020204" pitchFamily="34" charset="0"/>
                <a:buChar char="»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5pPr>
              <a:lvl6pPr marL="25146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6pPr>
              <a:lvl7pPr marL="29718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7pPr>
              <a:lvl8pPr marL="34290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8pPr>
              <a:lvl9pPr marL="38862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r>
                <a:rPr lang="cs-CZ" altLang="cs-CZ" sz="2000" b="1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Major </a:t>
              </a:r>
              <a:r>
                <a:rPr lang="cs-CZ" altLang="cs-CZ" sz="2000" b="1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limitation</a:t>
              </a:r>
              <a:r>
                <a:rPr lang="cs-CZ" altLang="cs-CZ" sz="2000" b="1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– </a:t>
              </a:r>
              <a:r>
                <a:rPr lang="cs-CZ" altLang="cs-CZ" sz="2000" b="1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unstable</a:t>
              </a:r>
              <a:r>
                <a:rPr lang="cs-CZ" altLang="cs-CZ" sz="2000" b="1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</a:t>
              </a:r>
              <a:r>
                <a:rPr lang="cs-CZ" altLang="cs-CZ" sz="2000" b="1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draughts</a:t>
              </a:r>
              <a:r>
                <a:rPr lang="cs-CZ" altLang="cs-CZ" sz="2000" b="1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on free </a:t>
              </a:r>
              <a:r>
                <a:rPr lang="cs-CZ" altLang="cs-CZ" sz="2000" b="1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flowing</a:t>
              </a:r>
              <a:r>
                <a:rPr lang="cs-CZ" altLang="cs-CZ" sz="2000" b="1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Labe     </a:t>
              </a:r>
            </a:p>
            <a:p>
              <a:pPr eaLnBrk="1" hangingPunct="1">
                <a:spcBef>
                  <a:spcPct val="0"/>
                </a:spcBef>
                <a:buFontTx/>
                <a:buNone/>
              </a:pPr>
              <a:r>
                <a:rPr lang="cs-CZ" altLang="cs-CZ" sz="2000" b="1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       long </a:t>
              </a:r>
              <a:r>
                <a:rPr lang="cs-CZ" altLang="cs-CZ" sz="2000" b="1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periods</a:t>
              </a:r>
              <a:r>
                <a:rPr lang="cs-CZ" altLang="cs-CZ" sz="2000" b="1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</a:t>
              </a:r>
              <a:r>
                <a:rPr lang="cs-CZ" altLang="cs-CZ" sz="2000" b="1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without</a:t>
              </a:r>
              <a:r>
                <a:rPr lang="cs-CZ" altLang="cs-CZ" sz="2000" b="1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</a:t>
              </a:r>
              <a:r>
                <a:rPr lang="cs-CZ" altLang="cs-CZ" sz="2000" b="1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navigation</a:t>
              </a:r>
              <a:r>
                <a:rPr lang="cs-CZ" altLang="cs-CZ" sz="2000" b="1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,</a:t>
              </a:r>
            </a:p>
            <a:p>
              <a:pPr eaLnBrk="1" hangingPunct="1">
                <a:spcBef>
                  <a:spcPct val="0"/>
                </a:spcBef>
                <a:buFontTx/>
                <a:buNone/>
              </a:pPr>
              <a:r>
                <a:rPr lang="cs-CZ" altLang="cs-CZ" sz="2000" b="1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   </a:t>
              </a:r>
              <a:r>
                <a:rPr lang="cs-CZ" altLang="cs-CZ" sz="2000" b="1" u="sng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unstable</a:t>
              </a:r>
              <a:r>
                <a:rPr lang="cs-CZ" altLang="cs-CZ" sz="2000" b="1" u="sng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</a:t>
              </a:r>
              <a:r>
                <a:rPr lang="cs-CZ" altLang="cs-CZ" sz="2000" b="1" u="sng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service</a:t>
              </a:r>
              <a:r>
                <a:rPr lang="cs-CZ" altLang="cs-CZ" sz="2000" b="1" u="sng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</a:t>
              </a:r>
              <a:r>
                <a:rPr lang="cs-CZ" altLang="cs-CZ" sz="2000" b="1" u="sng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for</a:t>
              </a:r>
              <a:r>
                <a:rPr lang="cs-CZ" altLang="cs-CZ" sz="2000" b="1" u="sng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</a:t>
              </a:r>
              <a:r>
                <a:rPr lang="cs-CZ" altLang="cs-CZ" sz="2000" b="1" u="sng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shippers</a:t>
              </a:r>
              <a:r>
                <a:rPr lang="cs-CZ" altLang="cs-CZ" sz="2000" b="1" u="sng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– shift to </a:t>
              </a:r>
              <a:r>
                <a:rPr lang="cs-CZ" altLang="cs-CZ" sz="2000" b="1" u="sng" dirty="0" err="1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road</a:t>
              </a:r>
              <a:r>
                <a:rPr lang="cs-CZ" altLang="cs-CZ" sz="2000" b="1" u="sng" dirty="0">
                  <a:solidFill>
                    <a:schemeClr val="accent4">
                      <a:lumMod val="10000"/>
                    </a:schemeClr>
                  </a:solidFill>
                  <a:latin typeface="Arial" panose="020B0604020202020204" pitchFamily="34" charset="0"/>
                </a:rPr>
                <a:t> transport</a:t>
              </a:r>
              <a:endParaRPr lang="cs-CZ" altLang="cs-CZ" sz="1800" u="sng" dirty="0">
                <a:solidFill>
                  <a:schemeClr val="accent4">
                    <a:lumMod val="10000"/>
                  </a:schemeClr>
                </a:solidFill>
                <a:latin typeface="Arial" panose="020B0604020202020204" pitchFamily="34" charset="0"/>
              </a:endParaRPr>
            </a:p>
          </p:txBody>
        </p:sp>
      </p:grpSp>
      <p:sp>
        <p:nvSpPr>
          <p:cNvPr id="24" name="AutoShape 8"/>
          <p:cNvSpPr>
            <a:spLocks noChangeArrowheads="1"/>
          </p:cNvSpPr>
          <p:nvPr/>
        </p:nvSpPr>
        <p:spPr bwMode="auto">
          <a:xfrm>
            <a:off x="2447045" y="1120544"/>
            <a:ext cx="2214562" cy="858837"/>
          </a:xfrm>
          <a:prstGeom prst="wedgeRoundRectCallout">
            <a:avLst>
              <a:gd name="adj1" fmla="val 71099"/>
              <a:gd name="adj2" fmla="val 17939"/>
              <a:gd name="adj3" fmla="val 16667"/>
            </a:avLst>
          </a:prstGeom>
          <a:solidFill>
            <a:srgbClr val="00B0F0"/>
          </a:solidFill>
          <a:ln>
            <a:noFill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>
              <a:defRPr/>
            </a:pPr>
            <a:r>
              <a:rPr lang="cs-CZ" sz="1400" b="1" dirty="0" err="1">
                <a:solidFill>
                  <a:schemeClr val="bg1"/>
                </a:solidFill>
                <a:latin typeface="Arial" charset="0"/>
              </a:rPr>
              <a:t>Improvement</a:t>
            </a:r>
            <a:r>
              <a:rPr lang="cs-CZ" sz="1400" b="1" dirty="0">
                <a:solidFill>
                  <a:schemeClr val="bg1"/>
                </a:solidFill>
                <a:latin typeface="Arial" charset="0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</a:rPr>
              <a:t>of</a:t>
            </a:r>
            <a:r>
              <a:rPr lang="cs-CZ" sz="1400" b="1" dirty="0">
                <a:solidFill>
                  <a:schemeClr val="bg1"/>
                </a:solidFill>
                <a:latin typeface="Arial" charset="0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</a:rPr>
              <a:t>navigation</a:t>
            </a:r>
            <a:r>
              <a:rPr lang="cs-CZ" sz="1400" b="1" dirty="0">
                <a:solidFill>
                  <a:schemeClr val="bg1"/>
                </a:solidFill>
                <a:latin typeface="Arial" charset="0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</a:rPr>
              <a:t>conditions</a:t>
            </a:r>
            <a:r>
              <a:rPr lang="cs-CZ" sz="1400" b="1" dirty="0">
                <a:solidFill>
                  <a:schemeClr val="bg1"/>
                </a:solidFill>
                <a:latin typeface="Arial" charset="0"/>
              </a:rPr>
              <a:t> on free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</a:rPr>
              <a:t>flowing</a:t>
            </a:r>
            <a:r>
              <a:rPr lang="cs-CZ" sz="1400" b="1" dirty="0">
                <a:solidFill>
                  <a:schemeClr val="bg1"/>
                </a:solidFill>
                <a:latin typeface="Arial" charset="0"/>
              </a:rPr>
              <a:t> Labe -  Plavební stupeň Děčín</a:t>
            </a:r>
          </a:p>
        </p:txBody>
      </p:sp>
      <p:sp>
        <p:nvSpPr>
          <p:cNvPr id="25" name="AutoShape 10"/>
          <p:cNvSpPr>
            <a:spLocks noChangeArrowheads="1"/>
          </p:cNvSpPr>
          <p:nvPr/>
        </p:nvSpPr>
        <p:spPr bwMode="auto">
          <a:xfrm>
            <a:off x="2591429" y="3904225"/>
            <a:ext cx="1925795" cy="669924"/>
          </a:xfrm>
          <a:prstGeom prst="roundRect">
            <a:avLst>
              <a:gd name="adj" fmla="val 16667"/>
            </a:avLst>
          </a:prstGeom>
          <a:solidFill>
            <a:srgbClr val="FF0000"/>
          </a:solidFill>
          <a:ln>
            <a:noFill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>
              <a:defRPr/>
            </a:pP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Freight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volumes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on CZ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waterways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are very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low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(&lt; 1 mil.t.)</a:t>
            </a:r>
          </a:p>
        </p:txBody>
      </p:sp>
      <p:sp>
        <p:nvSpPr>
          <p:cNvPr id="26" name="AutoShape 10"/>
          <p:cNvSpPr>
            <a:spLocks noChangeArrowheads="1"/>
          </p:cNvSpPr>
          <p:nvPr/>
        </p:nvSpPr>
        <p:spPr bwMode="auto">
          <a:xfrm>
            <a:off x="8378879" y="2284975"/>
            <a:ext cx="2201783" cy="669924"/>
          </a:xfrm>
          <a:prstGeom prst="roundRect">
            <a:avLst>
              <a:gd name="adj" fmla="val 16667"/>
            </a:avLst>
          </a:prstGeom>
          <a:solidFill>
            <a:srgbClr val="FF0000"/>
          </a:solidFill>
          <a:ln>
            <a:noFill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>
              <a:defRPr/>
            </a:pP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Class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IV –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the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european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standard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of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vessel</a:t>
            </a:r>
            <a:r>
              <a:rPr lang="cs-CZ" sz="1400" b="1" dirty="0">
                <a:solidFill>
                  <a:schemeClr val="bg1"/>
                </a:solidFill>
                <a:latin typeface="Arial" charset="0"/>
                <a:sym typeface="Symbol" pitchFamily="18" charset="2"/>
              </a:rPr>
              <a:t> </a:t>
            </a:r>
            <a:r>
              <a:rPr lang="cs-CZ" sz="1400" b="1" dirty="0" err="1">
                <a:solidFill>
                  <a:schemeClr val="bg1"/>
                </a:solidFill>
                <a:latin typeface="Arial" charset="0"/>
                <a:sym typeface="Symbol" pitchFamily="18" charset="2"/>
              </a:rPr>
              <a:t>parameters</a:t>
            </a:r>
            <a:endParaRPr lang="cs-CZ" sz="1400" b="1" dirty="0">
              <a:solidFill>
                <a:schemeClr val="bg1"/>
              </a:solidFill>
              <a:latin typeface="Arial" charset="0"/>
              <a:sym typeface="Symbol" pitchFamily="18" charset="2"/>
            </a:endParaRPr>
          </a:p>
        </p:txBody>
      </p:sp>
    </p:spTree>
    <p:extLst>
      <p:ext uri="{BB962C8B-B14F-4D97-AF65-F5344CB8AC3E}">
        <p14:creationId xmlns:p14="http://schemas.microsoft.com/office/powerpoint/2010/main" val="1114111587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346" name="OTLSHAPE_M_f66d7ff972b14fd88e15372caaa4a0f0_Connector2">
            <a:extLst>
              <a:ext uri="{FF2B5EF4-FFF2-40B4-BE49-F238E27FC236}">
                <a16:creationId xmlns:a16="http://schemas.microsoft.com/office/drawing/2014/main" id="{23A94552-1F43-416A-898E-EAE11AC604AD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485295" y="3518069"/>
            <a:ext cx="0" cy="304631"/>
          </a:xfrm>
          <a:prstGeom prst="line">
            <a:avLst/>
          </a:prstGeom>
          <a:ln w="5443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5" name="OTLSHAPE_M_f66d7ff972b14fd88e15372caaa4a0f0_Connector1">
            <a:extLst>
              <a:ext uri="{FF2B5EF4-FFF2-40B4-BE49-F238E27FC236}">
                <a16:creationId xmlns:a16="http://schemas.microsoft.com/office/drawing/2014/main" id="{9C55B0B5-E9CA-47B0-92E4-08B925D3B373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485295" y="3289639"/>
            <a:ext cx="0" cy="88900"/>
          </a:xfrm>
          <a:prstGeom prst="line">
            <a:avLst/>
          </a:prstGeom>
          <a:ln w="5443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4" name="OTLSHAPE_M_d139c1c9f07a45299b5127b8b90eee53_Connector1">
            <a:extLst>
              <a:ext uri="{FF2B5EF4-FFF2-40B4-BE49-F238E27FC236}">
                <a16:creationId xmlns:a16="http://schemas.microsoft.com/office/drawing/2014/main" id="{E3B94A3C-68BA-4823-BFC8-DCFD28B2C471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132116" y="2883577"/>
            <a:ext cx="0" cy="939123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3" name="OTLSHAPE_M_cdf7accdb248462ba0118d299fb3a064_Connector3">
            <a:extLst>
              <a:ext uri="{FF2B5EF4-FFF2-40B4-BE49-F238E27FC236}">
                <a16:creationId xmlns:a16="http://schemas.microsoft.com/office/drawing/2014/main" id="{ACD6D122-FCE0-4667-84E4-4FDBD1BBBBF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047080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2" name="OTLSHAPE_M_cdf7accdb248462ba0118d299fb3a064_Connector2">
            <a:extLst>
              <a:ext uri="{FF2B5EF4-FFF2-40B4-BE49-F238E27FC236}">
                <a16:creationId xmlns:a16="http://schemas.microsoft.com/office/drawing/2014/main" id="{C9685990-86F4-471D-8C17-8AA1CA637CC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047080" y="2858178"/>
            <a:ext cx="0" cy="52036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1" name="OTLSHAPE_M_cdf7accdb248462ba0118d299fb3a064_Connector1">
            <a:extLst>
              <a:ext uri="{FF2B5EF4-FFF2-40B4-BE49-F238E27FC236}">
                <a16:creationId xmlns:a16="http://schemas.microsoft.com/office/drawing/2014/main" id="{20CDCF3C-27A3-46C4-A2F6-452300CD98C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047080" y="2477516"/>
            <a:ext cx="0" cy="889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0" name="OTLSHAPE_M_772c9ffd21c042419903eda32bd89923_Connector4">
            <a:extLst>
              <a:ext uri="{FF2B5EF4-FFF2-40B4-BE49-F238E27FC236}">
                <a16:creationId xmlns:a16="http://schemas.microsoft.com/office/drawing/2014/main" id="{ADE16466-A3BA-4DFA-9C19-C56C8F2942E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962275" y="3670300"/>
            <a:ext cx="0" cy="1524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9" name="OTLSHAPE_M_772c9ffd21c042419903eda32bd89923_Connector3">
            <a:extLst>
              <a:ext uri="{FF2B5EF4-FFF2-40B4-BE49-F238E27FC236}">
                <a16:creationId xmlns:a16="http://schemas.microsoft.com/office/drawing/2014/main" id="{EB401EDA-B7E7-4B83-A95F-3699746BB13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962275" y="2705947"/>
            <a:ext cx="0" cy="672592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8" name="OTLSHAPE_M_772c9ffd21c042419903eda32bd89923_Connector2">
            <a:extLst>
              <a:ext uri="{FF2B5EF4-FFF2-40B4-BE49-F238E27FC236}">
                <a16:creationId xmlns:a16="http://schemas.microsoft.com/office/drawing/2014/main" id="{45DCD5D8-BBE6-49B5-BC07-749FF5C5A5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962275" y="2452116"/>
            <a:ext cx="0" cy="1143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7" name="OTLSHAPE_M_772c9ffd21c042419903eda32bd89923_Connector1">
            <a:extLst>
              <a:ext uri="{FF2B5EF4-FFF2-40B4-BE49-F238E27FC236}">
                <a16:creationId xmlns:a16="http://schemas.microsoft.com/office/drawing/2014/main" id="{56B94C76-E700-42F6-B294-0AD03276A49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962275" y="2071455"/>
            <a:ext cx="0" cy="889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6" name="OTLSHAPE_M_ffe8b1383fcf4fad80fb7847df0ff12e_Connector2">
            <a:extLst>
              <a:ext uri="{FF2B5EF4-FFF2-40B4-BE49-F238E27FC236}">
                <a16:creationId xmlns:a16="http://schemas.microsoft.com/office/drawing/2014/main" id="{A7E55DB0-6B3A-4C29-8DA1-C7EC08BB48A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708784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5" name="OTLSHAPE_M_ffe8b1383fcf4fad80fb7847df0ff12e_Connector1">
            <a:extLst>
              <a:ext uri="{FF2B5EF4-FFF2-40B4-BE49-F238E27FC236}">
                <a16:creationId xmlns:a16="http://schemas.microsoft.com/office/drawing/2014/main" id="{E33D86FC-2F4E-4BD5-84F0-191338E5035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708784" y="3289639"/>
            <a:ext cx="0" cy="889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4" name="OTLSHAPE_M_e7d73676d2a64ac68d97c8623964d23f_Connector5">
            <a:extLst>
              <a:ext uri="{FF2B5EF4-FFF2-40B4-BE49-F238E27FC236}">
                <a16:creationId xmlns:a16="http://schemas.microsoft.com/office/drawing/2014/main" id="{851B87F7-472A-49BA-98B7-851C9A1C1869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539405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3" name="OTLSHAPE_M_e7d73676d2a64ac68d97c8623964d23f_Connector4">
            <a:extLst>
              <a:ext uri="{FF2B5EF4-FFF2-40B4-BE49-F238E27FC236}">
                <a16:creationId xmlns:a16="http://schemas.microsoft.com/office/drawing/2014/main" id="{97193ECD-B891-4ADC-8722-9FB368153CD0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539405" y="3112008"/>
            <a:ext cx="0" cy="26653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2" name="OTLSHAPE_M_e7d73676d2a64ac68d97c8623964d23f_Connector3">
            <a:extLst>
              <a:ext uri="{FF2B5EF4-FFF2-40B4-BE49-F238E27FC236}">
                <a16:creationId xmlns:a16="http://schemas.microsoft.com/office/drawing/2014/main" id="{D87D3D8C-ADBD-421C-8499-498FA01DB8B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539405" y="2299885"/>
            <a:ext cx="0" cy="672592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1" name="OTLSHAPE_M_e7d73676d2a64ac68d97c8623964d23f_Connector2">
            <a:extLst>
              <a:ext uri="{FF2B5EF4-FFF2-40B4-BE49-F238E27FC236}">
                <a16:creationId xmlns:a16="http://schemas.microsoft.com/office/drawing/2014/main" id="{96AD7D14-642C-44FB-A4D4-9DEFAF00E9E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539405" y="1893824"/>
            <a:ext cx="0" cy="26653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0" name="OTLSHAPE_M_e7d73676d2a64ac68d97c8623964d23f_Connector1">
            <a:extLst>
              <a:ext uri="{FF2B5EF4-FFF2-40B4-BE49-F238E27FC236}">
                <a16:creationId xmlns:a16="http://schemas.microsoft.com/office/drawing/2014/main" id="{78254582-896D-4963-B11C-D17BB95D69F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539405" y="1665393"/>
            <a:ext cx="0" cy="889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9" name="OTLSHAPE_M_9b2b6df275bd4813bdd7a63871ae4f4b_Connector5">
            <a:extLst>
              <a:ext uri="{FF2B5EF4-FFF2-40B4-BE49-F238E27FC236}">
                <a16:creationId xmlns:a16="http://schemas.microsoft.com/office/drawing/2014/main" id="{7ECAA893-9C35-4F26-9927-AC53E7CAA0C4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370026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8" name="OTLSHAPE_M_9b2b6df275bd4813bdd7a63871ae4f4b_Connector4">
            <a:extLst>
              <a:ext uri="{FF2B5EF4-FFF2-40B4-BE49-F238E27FC236}">
                <a16:creationId xmlns:a16="http://schemas.microsoft.com/office/drawing/2014/main" id="{3A161A19-82AF-4F5D-AB6A-D7CE73DC5B8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370026" y="2299886"/>
            <a:ext cx="0" cy="1078653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7" name="OTLSHAPE_M_9b2b6df275bd4813bdd7a63871ae4f4b_Connector3">
            <a:extLst>
              <a:ext uri="{FF2B5EF4-FFF2-40B4-BE49-F238E27FC236}">
                <a16:creationId xmlns:a16="http://schemas.microsoft.com/office/drawing/2014/main" id="{2C57298E-3CF1-4C4D-ABB5-CA913F171B8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370026" y="1893824"/>
            <a:ext cx="0" cy="26653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6" name="OTLSHAPE_M_9b2b6df275bd4813bdd7a63871ae4f4b_Connector2">
            <a:extLst>
              <a:ext uri="{FF2B5EF4-FFF2-40B4-BE49-F238E27FC236}">
                <a16:creationId xmlns:a16="http://schemas.microsoft.com/office/drawing/2014/main" id="{EC7F3108-3C19-4084-AD53-EDF2019BE2E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370026" y="1487763"/>
            <a:ext cx="0" cy="26653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5" name="OTLSHAPE_M_9b2b6df275bd4813bdd7a63871ae4f4b_Connector1">
            <a:extLst>
              <a:ext uri="{FF2B5EF4-FFF2-40B4-BE49-F238E27FC236}">
                <a16:creationId xmlns:a16="http://schemas.microsoft.com/office/drawing/2014/main" id="{D7087149-A7E7-478D-A7BB-A2C81579E9B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370026" y="1259332"/>
            <a:ext cx="0" cy="889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4" name="OTLSHAPE_M_f299549614374410b2bb3ad235a4c649_Connector5">
            <a:extLst>
              <a:ext uri="{FF2B5EF4-FFF2-40B4-BE49-F238E27FC236}">
                <a16:creationId xmlns:a16="http://schemas.microsoft.com/office/drawing/2014/main" id="{A2D5681D-CEE4-42E0-93D7-4DF82D2975E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116767" y="3670300"/>
            <a:ext cx="0" cy="1524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3" name="OTLSHAPE_M_f299549614374410b2bb3ad235a4c649_Connector4">
            <a:extLst>
              <a:ext uri="{FF2B5EF4-FFF2-40B4-BE49-F238E27FC236}">
                <a16:creationId xmlns:a16="http://schemas.microsoft.com/office/drawing/2014/main" id="{3115A53C-4BE0-401C-8D66-58C7B6B0129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116767" y="3264239"/>
            <a:ext cx="0" cy="1143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2" name="OTLSHAPE_M_f299549614374410b2bb3ad235a4c649_Connector3">
            <a:extLst>
              <a:ext uri="{FF2B5EF4-FFF2-40B4-BE49-F238E27FC236}">
                <a16:creationId xmlns:a16="http://schemas.microsoft.com/office/drawing/2014/main" id="{E7AD9CDA-4D18-40F3-A114-1D46DF221F7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116767" y="2299885"/>
            <a:ext cx="0" cy="672592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1" name="OTLSHAPE_M_f299549614374410b2bb3ad235a4c649_Connector2">
            <a:extLst>
              <a:ext uri="{FF2B5EF4-FFF2-40B4-BE49-F238E27FC236}">
                <a16:creationId xmlns:a16="http://schemas.microsoft.com/office/drawing/2014/main" id="{C4129A61-BEAF-4361-884C-854D4FCABBCC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116767" y="1487763"/>
            <a:ext cx="0" cy="672592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0" name="OTLSHAPE_M_f299549614374410b2bb3ad235a4c649_Connector1">
            <a:extLst>
              <a:ext uri="{FF2B5EF4-FFF2-40B4-BE49-F238E27FC236}">
                <a16:creationId xmlns:a16="http://schemas.microsoft.com/office/drawing/2014/main" id="{F1228D57-9708-4BBB-A38F-259AD075BA9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116767" y="853271"/>
            <a:ext cx="0" cy="49496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19" name="OTLSHAPE_M_4b819ffd878c4b62a8241c626ad9b271_Connector2">
            <a:extLst>
              <a:ext uri="{FF2B5EF4-FFF2-40B4-BE49-F238E27FC236}">
                <a16:creationId xmlns:a16="http://schemas.microsoft.com/office/drawing/2014/main" id="{A6B94C93-9F03-4146-9F87-5053EDB6542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032193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18" name="OTLSHAPE_M_4b819ffd878c4b62a8241c626ad9b271_Connector1">
            <a:extLst>
              <a:ext uri="{FF2B5EF4-FFF2-40B4-BE49-F238E27FC236}">
                <a16:creationId xmlns:a16="http://schemas.microsoft.com/office/drawing/2014/main" id="{CFA236B1-46E5-4742-B8DA-B51154AD76E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032193" y="3289639"/>
            <a:ext cx="0" cy="889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17" name="OTLSHAPE_M_87acb94707784b0898b347d02f9a3b0c_Connector2">
            <a:extLst>
              <a:ext uri="{FF2B5EF4-FFF2-40B4-BE49-F238E27FC236}">
                <a16:creationId xmlns:a16="http://schemas.microsoft.com/office/drawing/2014/main" id="{BE230C08-00FF-432A-9C99-C74293B49701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7446641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16" name="OTLSHAPE_M_87acb94707784b0898b347d02f9a3b0c_Connector1">
            <a:extLst>
              <a:ext uri="{FF2B5EF4-FFF2-40B4-BE49-F238E27FC236}">
                <a16:creationId xmlns:a16="http://schemas.microsoft.com/office/drawing/2014/main" id="{92565FE6-7B9A-48F4-862A-B21D254AFC1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446641" y="3289639"/>
            <a:ext cx="0" cy="88900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15" name="OTLSHAPE_M_7994b87b598c4b89adfd944767e3b9a6_Connector2">
            <a:extLst>
              <a:ext uri="{FF2B5EF4-FFF2-40B4-BE49-F238E27FC236}">
                <a16:creationId xmlns:a16="http://schemas.microsoft.com/office/drawing/2014/main" id="{710CEA46-8090-40DF-BFC9-F805C4F5220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277955" y="3112008"/>
            <a:ext cx="0" cy="710692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14" name="OTLSHAPE_M_7994b87b598c4b89adfd944767e3b9a6_Connector1">
            <a:extLst>
              <a:ext uri="{FF2B5EF4-FFF2-40B4-BE49-F238E27FC236}">
                <a16:creationId xmlns:a16="http://schemas.microsoft.com/office/drawing/2014/main" id="{88806640-D4CC-4BC8-B05B-265A3EE89336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277955" y="2883577"/>
            <a:ext cx="0" cy="88900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13" name="OTLSHAPE_M_20aaceee93dd49fca1af8e28ce7ead19_Connector4">
            <a:extLst>
              <a:ext uri="{FF2B5EF4-FFF2-40B4-BE49-F238E27FC236}">
                <a16:creationId xmlns:a16="http://schemas.microsoft.com/office/drawing/2014/main" id="{43130762-F4C9-484C-A4C0-55399FBA1157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193381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12" name="OTLSHAPE_M_20aaceee93dd49fca1af8e28ce7ead19_Connector3">
            <a:extLst>
              <a:ext uri="{FF2B5EF4-FFF2-40B4-BE49-F238E27FC236}">
                <a16:creationId xmlns:a16="http://schemas.microsoft.com/office/drawing/2014/main" id="{050D9E64-5B17-4CAD-B0A9-66A4B91FFC9E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193381" y="3112008"/>
            <a:ext cx="0" cy="266531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11" name="OTLSHAPE_M_20aaceee93dd49fca1af8e28ce7ead19_Connector2">
            <a:extLst>
              <a:ext uri="{FF2B5EF4-FFF2-40B4-BE49-F238E27FC236}">
                <a16:creationId xmlns:a16="http://schemas.microsoft.com/office/drawing/2014/main" id="{B53E04FC-FBD6-411B-AE8F-3187705B5263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7193381" y="2858177"/>
            <a:ext cx="0" cy="114300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10" name="OTLSHAPE_M_20aaceee93dd49fca1af8e28ce7ead19_Connector1">
            <a:extLst>
              <a:ext uri="{FF2B5EF4-FFF2-40B4-BE49-F238E27FC236}">
                <a16:creationId xmlns:a16="http://schemas.microsoft.com/office/drawing/2014/main" id="{7F77B153-1204-4EEC-96EF-9482F36CF251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7193381" y="2477516"/>
            <a:ext cx="0" cy="88900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9" name="OTLSHAPE_M_d043204886e04c8e84f9255f7466f4cf_Connector2">
            <a:extLst>
              <a:ext uri="{FF2B5EF4-FFF2-40B4-BE49-F238E27FC236}">
                <a16:creationId xmlns:a16="http://schemas.microsoft.com/office/drawing/2014/main" id="{65F280A7-0A5D-4264-859D-9814BE288F6B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180574" y="3670300"/>
            <a:ext cx="0" cy="1524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8" name="OTLSHAPE_M_d043204886e04c8e84f9255f7466f4cf_Connector1">
            <a:extLst>
              <a:ext uri="{FF2B5EF4-FFF2-40B4-BE49-F238E27FC236}">
                <a16:creationId xmlns:a16="http://schemas.microsoft.com/office/drawing/2014/main" id="{523F1DA6-234D-4682-B26C-2BA7D8EB8F91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180574" y="3289639"/>
            <a:ext cx="0" cy="889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7" name="OTLSHAPE_M_9c9a4ca5576e4af982af265f52c01150_Connector2">
            <a:extLst>
              <a:ext uri="{FF2B5EF4-FFF2-40B4-BE49-F238E27FC236}">
                <a16:creationId xmlns:a16="http://schemas.microsoft.com/office/drawing/2014/main" id="{1389EA25-F4B3-445E-9FD8-8BFC3C19BD5D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5336452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6" name="OTLSHAPE_M_9c9a4ca5576e4af982af265f52c01150_Connector1">
            <a:extLst>
              <a:ext uri="{FF2B5EF4-FFF2-40B4-BE49-F238E27FC236}">
                <a16:creationId xmlns:a16="http://schemas.microsoft.com/office/drawing/2014/main" id="{379E8244-8978-4DED-9262-062125828E78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336452" y="3289639"/>
            <a:ext cx="0" cy="889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5" name="OTLSHAPE_M_14b6f8a9f1eb496e9160e5ff2386ce2d_Connector2">
            <a:extLst>
              <a:ext uri="{FF2B5EF4-FFF2-40B4-BE49-F238E27FC236}">
                <a16:creationId xmlns:a16="http://schemas.microsoft.com/office/drawing/2014/main" id="{68315F8E-5672-4439-A103-A5A8E6E905FA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4745821" y="3670300"/>
            <a:ext cx="0" cy="15240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4" name="OTLSHAPE_M_14b6f8a9f1eb496e9160e5ff2386ce2d_Connector1">
            <a:extLst>
              <a:ext uri="{FF2B5EF4-FFF2-40B4-BE49-F238E27FC236}">
                <a16:creationId xmlns:a16="http://schemas.microsoft.com/office/drawing/2014/main" id="{160395A8-18DF-4D9D-8700-D1D828EDF92A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4745821" y="2883578"/>
            <a:ext cx="0" cy="494961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3" name="OTLSHAPE_M_bef13feb27c14966ab4b5c1e2c76c5a9_Connector2">
            <a:extLst>
              <a:ext uri="{FF2B5EF4-FFF2-40B4-BE49-F238E27FC236}">
                <a16:creationId xmlns:a16="http://schemas.microsoft.com/office/drawing/2014/main" id="{80953401-225A-4146-B8A2-8B25A77D04DC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4323644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2" name="OTLSHAPE_M_bef13feb27c14966ab4b5c1e2c76c5a9_Connector1">
            <a:extLst>
              <a:ext uri="{FF2B5EF4-FFF2-40B4-BE49-F238E27FC236}">
                <a16:creationId xmlns:a16="http://schemas.microsoft.com/office/drawing/2014/main" id="{974AD071-BEC8-4429-AE6F-076AA47FE217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4323644" y="3289639"/>
            <a:ext cx="0" cy="8890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1" name="OTLSHAPE_M_068ab676897c494c811e0a969db065a2_Connector3">
            <a:extLst>
              <a:ext uri="{FF2B5EF4-FFF2-40B4-BE49-F238E27FC236}">
                <a16:creationId xmlns:a16="http://schemas.microsoft.com/office/drawing/2014/main" id="{9CEB2614-9786-47EE-B141-DEA878A97962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4154958" y="3112008"/>
            <a:ext cx="0" cy="710692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0" name="OTLSHAPE_M_068ab676897c494c811e0a969db065a2_Connector2">
            <a:extLst>
              <a:ext uri="{FF2B5EF4-FFF2-40B4-BE49-F238E27FC236}">
                <a16:creationId xmlns:a16="http://schemas.microsoft.com/office/drawing/2014/main" id="{DE394F90-5272-4671-A456-C2003727E01C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4154958" y="2705947"/>
            <a:ext cx="0" cy="266531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9" name="OTLSHAPE_M_068ab676897c494c811e0a969db065a2_Connector1">
            <a:extLst>
              <a:ext uri="{FF2B5EF4-FFF2-40B4-BE49-F238E27FC236}">
                <a16:creationId xmlns:a16="http://schemas.microsoft.com/office/drawing/2014/main" id="{90C0087F-3078-4A24-8882-8A73AFF21836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4154958" y="2477516"/>
            <a:ext cx="0" cy="8890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8" name="OTLSHAPE_M_592143e5b0b74de6b488615fec0061ac_Connector3">
            <a:extLst>
              <a:ext uri="{FF2B5EF4-FFF2-40B4-BE49-F238E27FC236}">
                <a16:creationId xmlns:a16="http://schemas.microsoft.com/office/drawing/2014/main" id="{8325F8ED-DDAD-40AB-9607-6FC9B4F21F08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3986273" y="2705947"/>
            <a:ext cx="0" cy="1116753"/>
          </a:xfrm>
          <a:prstGeom prst="line">
            <a:avLst/>
          </a:prstGeom>
          <a:ln w="5443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7" name="OTLSHAPE_M_592143e5b0b74de6b488615fec0061ac_Connector2">
            <a:extLst>
              <a:ext uri="{FF2B5EF4-FFF2-40B4-BE49-F238E27FC236}">
                <a16:creationId xmlns:a16="http://schemas.microsoft.com/office/drawing/2014/main" id="{70F5BE63-DE48-47D3-BCAD-B15AC5F92A3E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3986273" y="2299885"/>
            <a:ext cx="0" cy="266531"/>
          </a:xfrm>
          <a:prstGeom prst="line">
            <a:avLst/>
          </a:prstGeom>
          <a:ln w="5443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6" name="OTLSHAPE_M_592143e5b0b74de6b488615fec0061ac_Connector1">
            <a:extLst>
              <a:ext uri="{FF2B5EF4-FFF2-40B4-BE49-F238E27FC236}">
                <a16:creationId xmlns:a16="http://schemas.microsoft.com/office/drawing/2014/main" id="{CC6442B2-4422-448F-A234-3ECAFBD2A6B5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986273" y="2071455"/>
            <a:ext cx="0" cy="88900"/>
          </a:xfrm>
          <a:prstGeom prst="line">
            <a:avLst/>
          </a:prstGeom>
          <a:ln w="5443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5" name="OTLSHAPE_M_74d249ab14a64f12a97b8f15d851923f_Connector4">
            <a:extLst>
              <a:ext uri="{FF2B5EF4-FFF2-40B4-BE49-F238E27FC236}">
                <a16:creationId xmlns:a16="http://schemas.microsoft.com/office/drawing/2014/main" id="{6D1E9809-CA60-45F7-9F6A-A0ACCCA254FB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3986042" y="2705947"/>
            <a:ext cx="0" cy="1116753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4" name="OTLSHAPE_M_74d249ab14a64f12a97b8f15d851923f_Connector3">
            <a:extLst>
              <a:ext uri="{FF2B5EF4-FFF2-40B4-BE49-F238E27FC236}">
                <a16:creationId xmlns:a16="http://schemas.microsoft.com/office/drawing/2014/main" id="{0CA15403-E97F-496A-BCE3-5BE2566CC9A6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3986042" y="2299885"/>
            <a:ext cx="0" cy="266531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3" name="OTLSHAPE_M_74d249ab14a64f12a97b8f15d851923f_Connector2">
            <a:extLst>
              <a:ext uri="{FF2B5EF4-FFF2-40B4-BE49-F238E27FC236}">
                <a16:creationId xmlns:a16="http://schemas.microsoft.com/office/drawing/2014/main" id="{13D9D1AD-3E38-44A9-8121-9E85CA70F98F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3986042" y="2046055"/>
            <a:ext cx="0" cy="1143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2" name="OTLSHAPE_M_74d249ab14a64f12a97b8f15d851923f_Connector1">
            <a:extLst>
              <a:ext uri="{FF2B5EF4-FFF2-40B4-BE49-F238E27FC236}">
                <a16:creationId xmlns:a16="http://schemas.microsoft.com/office/drawing/2014/main" id="{D98FE9B2-C2F9-4CC6-ACA2-D8D9B6E6B77A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986042" y="1665393"/>
            <a:ext cx="0" cy="8890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1" name="OTLSHAPE_M_bef5befbc50444d296457015627475c1_Connector6">
            <a:extLst>
              <a:ext uri="{FF2B5EF4-FFF2-40B4-BE49-F238E27FC236}">
                <a16:creationId xmlns:a16="http://schemas.microsoft.com/office/drawing/2014/main" id="{6D56CF2C-270B-49FD-AEDC-7CFA3366A5E1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3901699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0" name="OTLSHAPE_M_bef5befbc50444d296457015627475c1_Connector5">
            <a:extLst>
              <a:ext uri="{FF2B5EF4-FFF2-40B4-BE49-F238E27FC236}">
                <a16:creationId xmlns:a16="http://schemas.microsoft.com/office/drawing/2014/main" id="{CCAA2350-9ECA-4027-B6F0-48C7903C18CE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3901699" y="2705947"/>
            <a:ext cx="0" cy="672592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9" name="OTLSHAPE_M_bef5befbc50444d296457015627475c1_Connector4">
            <a:extLst>
              <a:ext uri="{FF2B5EF4-FFF2-40B4-BE49-F238E27FC236}">
                <a16:creationId xmlns:a16="http://schemas.microsoft.com/office/drawing/2014/main" id="{F1F9C41C-D243-4E8F-9686-6552B4A078CF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3901699" y="2299885"/>
            <a:ext cx="0" cy="266531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8" name="OTLSHAPE_M_bef5befbc50444d296457015627475c1_Connector3">
            <a:extLst>
              <a:ext uri="{FF2B5EF4-FFF2-40B4-BE49-F238E27FC236}">
                <a16:creationId xmlns:a16="http://schemas.microsoft.com/office/drawing/2014/main" id="{605D8433-FE39-4302-9EE7-E6AF289B07A2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3901699" y="2046055"/>
            <a:ext cx="0" cy="11430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7" name="OTLSHAPE_M_bef5befbc50444d296457015627475c1_Connector2">
            <a:extLst>
              <a:ext uri="{FF2B5EF4-FFF2-40B4-BE49-F238E27FC236}">
                <a16:creationId xmlns:a16="http://schemas.microsoft.com/office/drawing/2014/main" id="{88CCE895-C6B1-48B4-B0B1-D19C6F055482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3901699" y="1639993"/>
            <a:ext cx="0" cy="11430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6" name="OTLSHAPE_M_bef5befbc50444d296457015627475c1_Connector1">
            <a:extLst>
              <a:ext uri="{FF2B5EF4-FFF2-40B4-BE49-F238E27FC236}">
                <a16:creationId xmlns:a16="http://schemas.microsoft.com/office/drawing/2014/main" id="{8586E7FB-8674-4AAC-B444-883AA44D23F5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3901699" y="1259332"/>
            <a:ext cx="0" cy="8890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5" name="OTLSHAPE_M_662836aa974f424eb1b27a4966709ec4_Connector1">
            <a:extLst>
              <a:ext uri="{FF2B5EF4-FFF2-40B4-BE49-F238E27FC236}">
                <a16:creationId xmlns:a16="http://schemas.microsoft.com/office/drawing/2014/main" id="{B2CDFBAA-55E6-4A32-B180-82D9EB1FFC5F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3226494" y="3289639"/>
            <a:ext cx="0" cy="533061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4" name="OTLSHAPE_M_a9072ab95494436c8f2f514c7bc14912_Connector5">
            <a:extLst>
              <a:ext uri="{FF2B5EF4-FFF2-40B4-BE49-F238E27FC236}">
                <a16:creationId xmlns:a16="http://schemas.microsoft.com/office/drawing/2014/main" id="{93AD9AB6-41A3-483A-96CC-4DB1A47F85E9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3057808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3" name="OTLSHAPE_M_a9072ab95494436c8f2f514c7bc14912_Connector4">
            <a:extLst>
              <a:ext uri="{FF2B5EF4-FFF2-40B4-BE49-F238E27FC236}">
                <a16:creationId xmlns:a16="http://schemas.microsoft.com/office/drawing/2014/main" id="{FEAF6167-ABE6-4A99-9D84-F473CE26368C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3057808" y="3112008"/>
            <a:ext cx="0" cy="266531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2" name="OTLSHAPE_M_a9072ab95494436c8f2f514c7bc14912_Connector3">
            <a:extLst>
              <a:ext uri="{FF2B5EF4-FFF2-40B4-BE49-F238E27FC236}">
                <a16:creationId xmlns:a16="http://schemas.microsoft.com/office/drawing/2014/main" id="{98F8B1A7-39E7-4B98-AEB3-9B910F6522DC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3057808" y="2299885"/>
            <a:ext cx="0" cy="672592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1" name="OTLSHAPE_M_a9072ab95494436c8f2f514c7bc14912_Connector2">
            <a:extLst>
              <a:ext uri="{FF2B5EF4-FFF2-40B4-BE49-F238E27FC236}">
                <a16:creationId xmlns:a16="http://schemas.microsoft.com/office/drawing/2014/main" id="{A12AE88E-FED5-4D38-93F2-43DE53FEA900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3057808" y="1081702"/>
            <a:ext cx="0" cy="1078653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0" name="OTLSHAPE_M_a9072ab95494436c8f2f514c7bc14912_Connector1">
            <a:extLst>
              <a:ext uri="{FF2B5EF4-FFF2-40B4-BE49-F238E27FC236}">
                <a16:creationId xmlns:a16="http://schemas.microsoft.com/office/drawing/2014/main" id="{E5744133-F6FD-4723-8C1F-09AAA9D4FCAB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3057808" y="853271"/>
            <a:ext cx="0" cy="8890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9" name="OTLSHAPE_M_b6a81dda3f434bb3bd8f67df5ce9418f_Connector2">
            <a:extLst>
              <a:ext uri="{FF2B5EF4-FFF2-40B4-BE49-F238E27FC236}">
                <a16:creationId xmlns:a16="http://schemas.microsoft.com/office/drawing/2014/main" id="{FD98556E-2C57-4477-B306-F61B7D3F731E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2551058" y="3518069"/>
            <a:ext cx="0" cy="304631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8" name="OTLSHAPE_M_b6a81dda3f434bb3bd8f67df5ce9418f_Connector1">
            <a:extLst>
              <a:ext uri="{FF2B5EF4-FFF2-40B4-BE49-F238E27FC236}">
                <a16:creationId xmlns:a16="http://schemas.microsoft.com/office/drawing/2014/main" id="{DBC1B478-2EE1-40A3-99A1-AE1F216E0866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2551058" y="3289639"/>
            <a:ext cx="0" cy="8890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7" name="OTLSHAPE_M_5268d3bc6daa44a49347b6bcea941f79_Connector3">
            <a:extLst>
              <a:ext uri="{FF2B5EF4-FFF2-40B4-BE49-F238E27FC236}">
                <a16:creationId xmlns:a16="http://schemas.microsoft.com/office/drawing/2014/main" id="{F4C06E14-DAEB-450B-8A29-71809DB3A59F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779164" y="3112008"/>
            <a:ext cx="0" cy="748792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6" name="OTLSHAPE_M_5268d3bc6daa44a49347b6bcea941f79_Connector2">
            <a:extLst>
              <a:ext uri="{FF2B5EF4-FFF2-40B4-BE49-F238E27FC236}">
                <a16:creationId xmlns:a16="http://schemas.microsoft.com/office/drawing/2014/main" id="{F7968468-A910-467C-82F5-E40CAAB1137F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779164" y="675640"/>
            <a:ext cx="0" cy="2296837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5" name="OTLSHAPE_M_5268d3bc6daa44a49347b6bcea941f79_Connector1">
            <a:extLst>
              <a:ext uri="{FF2B5EF4-FFF2-40B4-BE49-F238E27FC236}">
                <a16:creationId xmlns:a16="http://schemas.microsoft.com/office/drawing/2014/main" id="{02C944E4-26EA-43CC-AF07-F02554C1E2AF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779164" y="447209"/>
            <a:ext cx="0" cy="8890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52" name="OTLSHAPE_TB_00000000000000000000000000000000_LeftEndCaps" hidden="1">
            <a:extLst>
              <a:ext uri="{FF2B5EF4-FFF2-40B4-BE49-F238E27FC236}">
                <a16:creationId xmlns:a16="http://schemas.microsoft.com/office/drawing/2014/main" id="{F9F84CFE-B4A7-40A4-9C01-BF2E5E4BF90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17500" y="39836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b="1">
                <a:solidFill>
                  <a:schemeClr val="accent2"/>
                </a:solidFill>
                <a:latin typeface="Calibri" panose="020F0502020204030204" pitchFamily="34" charset="0"/>
              </a:rPr>
              <a:t>1898</a:t>
            </a:r>
          </a:p>
        </p:txBody>
      </p:sp>
      <p:sp>
        <p:nvSpPr>
          <p:cNvPr id="4253" name="OTLSHAPE_TB_00000000000000000000000000000000_RightEndCaps" hidden="1">
            <a:extLst>
              <a:ext uri="{FF2B5EF4-FFF2-40B4-BE49-F238E27FC236}">
                <a16:creationId xmlns:a16="http://schemas.microsoft.com/office/drawing/2014/main" id="{41130EAB-1B19-4F28-BBA5-0477FDC48AC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1565467" y="39836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254" name="OTLSHAPE_TB_00000000000000000000000000000000_ScaleContainer">
            <a:extLst>
              <a:ext uri="{FF2B5EF4-FFF2-40B4-BE49-F238E27FC236}">
                <a16:creationId xmlns:a16="http://schemas.microsoft.com/office/drawing/2014/main" id="{EBF4813A-EB9F-4F7A-97DB-6D4471898557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778933" y="3886200"/>
            <a:ext cx="10642600" cy="381000"/>
          </a:xfrm>
          <a:prstGeom prst="rect">
            <a:avLst/>
          </a:prstGeom>
          <a:gradFill flip="none" rotWithShape="1">
            <a:gsLst>
              <a:gs pos="0">
                <a:srgbClr val="DC4726"/>
              </a:gs>
              <a:gs pos="0">
                <a:srgbClr val="DC4726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55" name="OTLSHAPE_TB_00000000000000000000000000000000_ElapsedTime">
            <a:extLst>
              <a:ext uri="{FF2B5EF4-FFF2-40B4-BE49-F238E27FC236}">
                <a16:creationId xmlns:a16="http://schemas.microsoft.com/office/drawing/2014/main" id="{ED9C45F1-3247-4477-8423-E573755A05E0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778933" y="4191000"/>
            <a:ext cx="10236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56" name="OTLSHAPE_TB_00000000000000000000000000000000_TodayMarkerShape">
            <a:extLst>
              <a:ext uri="{FF2B5EF4-FFF2-40B4-BE49-F238E27FC236}">
                <a16:creationId xmlns:a16="http://schemas.microsoft.com/office/drawing/2014/main" id="{F0B058AC-746D-440C-A2CA-AB5A5C583322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0957589" y="4267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57" name="OTLSHAPE_TB_00000000000000000000000000000000_TodayMarkerText">
            <a:extLst>
              <a:ext uri="{FF2B5EF4-FFF2-40B4-BE49-F238E27FC236}">
                <a16:creationId xmlns:a16="http://schemas.microsoft.com/office/drawing/2014/main" id="{4A2B0A0A-2BDF-409C-B02B-4DB24F728EC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831888" y="43942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258" name="OTLSHAPE_TB_00000000000000000000000000000000_TimescaleInterval1">
            <a:extLst>
              <a:ext uri="{FF2B5EF4-FFF2-40B4-BE49-F238E27FC236}">
                <a16:creationId xmlns:a16="http://schemas.microsoft.com/office/drawing/2014/main" id="{081E0C30-C04E-471A-BC74-F94B617CEAA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42433" y="40069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898</a:t>
            </a:r>
          </a:p>
        </p:txBody>
      </p:sp>
      <p:cxnSp>
        <p:nvCxnSpPr>
          <p:cNvPr id="4259" name="OTLSHAPE_TB_00000000000000000000000000000000_Separator1">
            <a:extLst>
              <a:ext uri="{FF2B5EF4-FFF2-40B4-BE49-F238E27FC236}">
                <a16:creationId xmlns:a16="http://schemas.microsoft.com/office/drawing/2014/main" id="{1460BEB8-12F5-4F43-A367-3EE8280CD5BB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1960196" y="3949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0" name="OTLSHAPE_TB_00000000000000000000000000000000_TimescaleInterval2">
            <a:extLst>
              <a:ext uri="{FF2B5EF4-FFF2-40B4-BE49-F238E27FC236}">
                <a16:creationId xmlns:a16="http://schemas.microsoft.com/office/drawing/2014/main" id="{CB4C806D-D85A-4C19-BCE4-C5BAEECDD03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023696" y="40069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912</a:t>
            </a:r>
          </a:p>
        </p:txBody>
      </p:sp>
      <p:cxnSp>
        <p:nvCxnSpPr>
          <p:cNvPr id="4261" name="OTLSHAPE_TB_00000000000000000000000000000000_Separator2">
            <a:extLst>
              <a:ext uri="{FF2B5EF4-FFF2-40B4-BE49-F238E27FC236}">
                <a16:creationId xmlns:a16="http://schemas.microsoft.com/office/drawing/2014/main" id="{E2FF398F-9E39-4E3E-93E4-9686F1F71EDF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3141920" y="3949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2" name="OTLSHAPE_TB_00000000000000000000000000000000_TimescaleInterval3">
            <a:extLst>
              <a:ext uri="{FF2B5EF4-FFF2-40B4-BE49-F238E27FC236}">
                <a16:creationId xmlns:a16="http://schemas.microsoft.com/office/drawing/2014/main" id="{899599E5-B2CF-4CED-8F09-3445AD22281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205420" y="40069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926</a:t>
            </a:r>
          </a:p>
        </p:txBody>
      </p:sp>
      <p:cxnSp>
        <p:nvCxnSpPr>
          <p:cNvPr id="4263" name="OTLSHAPE_TB_00000000000000000000000000000000_Separator3">
            <a:extLst>
              <a:ext uri="{FF2B5EF4-FFF2-40B4-BE49-F238E27FC236}">
                <a16:creationId xmlns:a16="http://schemas.microsoft.com/office/drawing/2014/main" id="{A732064D-95A0-43CF-A00B-A6FEB8AF104D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4323413" y="3949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4" name="OTLSHAPE_TB_00000000000000000000000000000000_TimescaleInterval4">
            <a:extLst>
              <a:ext uri="{FF2B5EF4-FFF2-40B4-BE49-F238E27FC236}">
                <a16:creationId xmlns:a16="http://schemas.microsoft.com/office/drawing/2014/main" id="{5B8158DA-E57F-4EE9-AD49-10188B6DA67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386913" y="40069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940</a:t>
            </a:r>
          </a:p>
        </p:txBody>
      </p:sp>
      <p:cxnSp>
        <p:nvCxnSpPr>
          <p:cNvPr id="4265" name="OTLSHAPE_TB_00000000000000000000000000000000_Separator4">
            <a:extLst>
              <a:ext uri="{FF2B5EF4-FFF2-40B4-BE49-F238E27FC236}">
                <a16:creationId xmlns:a16="http://schemas.microsoft.com/office/drawing/2014/main" id="{B78EB980-C2EC-483C-8315-03773EF0E98E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5505138" y="3949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6" name="OTLSHAPE_TB_00000000000000000000000000000000_TimescaleInterval5">
            <a:extLst>
              <a:ext uri="{FF2B5EF4-FFF2-40B4-BE49-F238E27FC236}">
                <a16:creationId xmlns:a16="http://schemas.microsoft.com/office/drawing/2014/main" id="{69C9E266-C132-43EE-80D3-DD22254BD4D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568638" y="40069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954</a:t>
            </a:r>
          </a:p>
        </p:txBody>
      </p:sp>
      <p:cxnSp>
        <p:nvCxnSpPr>
          <p:cNvPr id="4267" name="OTLSHAPE_TB_00000000000000000000000000000000_Separator5">
            <a:extLst>
              <a:ext uri="{FF2B5EF4-FFF2-40B4-BE49-F238E27FC236}">
                <a16:creationId xmlns:a16="http://schemas.microsoft.com/office/drawing/2014/main" id="{83A563B1-439C-42B1-B49E-A9A8C9F8D0FB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6686631" y="3949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8" name="OTLSHAPE_TB_00000000000000000000000000000000_TimescaleInterval6">
            <a:extLst>
              <a:ext uri="{FF2B5EF4-FFF2-40B4-BE49-F238E27FC236}">
                <a16:creationId xmlns:a16="http://schemas.microsoft.com/office/drawing/2014/main" id="{A26DA1EE-8A44-4089-A7C5-EBCD008C26F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750131" y="40069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968</a:t>
            </a:r>
          </a:p>
        </p:txBody>
      </p:sp>
      <p:cxnSp>
        <p:nvCxnSpPr>
          <p:cNvPr id="4269" name="OTLSHAPE_TB_00000000000000000000000000000000_Separator6">
            <a:extLst>
              <a:ext uri="{FF2B5EF4-FFF2-40B4-BE49-F238E27FC236}">
                <a16:creationId xmlns:a16="http://schemas.microsoft.com/office/drawing/2014/main" id="{E93BB1F4-153B-4EB9-911C-C9DE1C39066A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7868355" y="3949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70" name="OTLSHAPE_TB_00000000000000000000000000000000_TimescaleInterval7">
            <a:extLst>
              <a:ext uri="{FF2B5EF4-FFF2-40B4-BE49-F238E27FC236}">
                <a16:creationId xmlns:a16="http://schemas.microsoft.com/office/drawing/2014/main" id="{E1E5BD07-A142-4BE8-BD66-3D196CFACF6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931855" y="40069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982</a:t>
            </a:r>
          </a:p>
        </p:txBody>
      </p:sp>
      <p:cxnSp>
        <p:nvCxnSpPr>
          <p:cNvPr id="4271" name="OTLSHAPE_TB_00000000000000000000000000000000_Separator7">
            <a:extLst>
              <a:ext uri="{FF2B5EF4-FFF2-40B4-BE49-F238E27FC236}">
                <a16:creationId xmlns:a16="http://schemas.microsoft.com/office/drawing/2014/main" id="{BC51DEE7-E017-4946-B52E-E1204DECB63D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9049849" y="3949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72" name="OTLSHAPE_TB_00000000000000000000000000000000_TimescaleInterval8">
            <a:extLst>
              <a:ext uri="{FF2B5EF4-FFF2-40B4-BE49-F238E27FC236}">
                <a16:creationId xmlns:a16="http://schemas.microsoft.com/office/drawing/2014/main" id="{48136E9D-22BC-424F-BF8A-1139C3961D1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113349" y="40069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996</a:t>
            </a:r>
          </a:p>
        </p:txBody>
      </p:sp>
      <p:cxnSp>
        <p:nvCxnSpPr>
          <p:cNvPr id="4273" name="OTLSHAPE_TB_00000000000000000000000000000000_Separator8">
            <a:extLst>
              <a:ext uri="{FF2B5EF4-FFF2-40B4-BE49-F238E27FC236}">
                <a16:creationId xmlns:a16="http://schemas.microsoft.com/office/drawing/2014/main" id="{57197DC8-F2BE-4B0D-8FA0-7706B14E27C2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10231573" y="3949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74" name="OTLSHAPE_TB_00000000000000000000000000000000_TimescaleInterval9">
            <a:extLst>
              <a:ext uri="{FF2B5EF4-FFF2-40B4-BE49-F238E27FC236}">
                <a16:creationId xmlns:a16="http://schemas.microsoft.com/office/drawing/2014/main" id="{2EC837B6-9244-4690-A02F-C822E0A8E8E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295073" y="40069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4347" name="OTLSHAPE_M_5268d3bc6daa44a49347b6bcea941f79_Title">
            <a:extLst>
              <a:ext uri="{FF2B5EF4-FFF2-40B4-BE49-F238E27FC236}">
                <a16:creationId xmlns:a16="http://schemas.microsoft.com/office/drawing/2014/main" id="{F993C5A3-38FF-4EDE-A59A-64F2D0AA5C4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3437" y="-149013"/>
            <a:ext cx="1384300" cy="4185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W/L Roztoky - complies with the today´s TEN-T requirements!!!</a:t>
            </a:r>
            <a:endParaRPr lang="en-GB" sz="9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48" name="OTLSHAPE_M_5268d3bc6daa44a49347b6bcea941f79_Date">
            <a:extLst>
              <a:ext uri="{FF2B5EF4-FFF2-40B4-BE49-F238E27FC236}">
                <a16:creationId xmlns:a16="http://schemas.microsoft.com/office/drawing/2014/main" id="{27168368-B865-4CFB-9F3F-427C7F60F7B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56990" y="28227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898</a:t>
            </a:r>
          </a:p>
        </p:txBody>
      </p:sp>
      <p:sp>
        <p:nvSpPr>
          <p:cNvPr id="4349" name="OTLSHAPE_M_5268d3bc6daa44a49347b6bcea941f79_Shape">
            <a:extLst>
              <a:ext uri="{FF2B5EF4-FFF2-40B4-BE49-F238E27FC236}">
                <a16:creationId xmlns:a16="http://schemas.microsoft.com/office/drawing/2014/main" id="{CCA1C821-6CB3-4ECF-8EFF-7E600F041521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 flipV="1">
            <a:off x="702964" y="377190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50" name="OTLSHAPE_M_b6a81dda3f434bb3bd8f67df5ce9418f_Title">
            <a:extLst>
              <a:ext uri="{FF2B5EF4-FFF2-40B4-BE49-F238E27FC236}">
                <a16:creationId xmlns:a16="http://schemas.microsoft.com/office/drawing/2014/main" id="{73452A3E-FCB5-41A5-A626-0E364F65EFD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229790" y="2972477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Lovosice</a:t>
            </a:r>
          </a:p>
        </p:txBody>
      </p:sp>
      <p:sp>
        <p:nvSpPr>
          <p:cNvPr id="4351" name="OTLSHAPE_M_b6a81dda3f434bb3bd8f67df5ce9418f_Date">
            <a:extLst>
              <a:ext uri="{FF2B5EF4-FFF2-40B4-BE49-F238E27FC236}">
                <a16:creationId xmlns:a16="http://schemas.microsoft.com/office/drawing/2014/main" id="{C41116D8-4A2B-4E02-AA31-AF804201F58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2428884" y="312470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19</a:t>
            </a:r>
          </a:p>
        </p:txBody>
      </p:sp>
      <p:sp>
        <p:nvSpPr>
          <p:cNvPr id="4352" name="OTLSHAPE_M_b6a81dda3f434bb3bd8f67df5ce9418f_Shape">
            <a:extLst>
              <a:ext uri="{FF2B5EF4-FFF2-40B4-BE49-F238E27FC236}">
                <a16:creationId xmlns:a16="http://schemas.microsoft.com/office/drawing/2014/main" id="{D57502AF-C7F5-4FFB-821E-85CD2494AFA7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 flipV="1">
            <a:off x="2436758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53" name="OTLSHAPE_M_386008187d3646fd8d37a40f8b7e6e0c_Title">
            <a:extLst>
              <a:ext uri="{FF2B5EF4-FFF2-40B4-BE49-F238E27FC236}">
                <a16:creationId xmlns:a16="http://schemas.microsoft.com/office/drawing/2014/main" id="{E01F00B8-229C-41D8-9B20-4C1FC9E43AE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464485" y="3378539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Nymburk</a:t>
            </a:r>
          </a:p>
        </p:txBody>
      </p:sp>
      <p:sp>
        <p:nvSpPr>
          <p:cNvPr id="4354" name="OTLSHAPE_M_386008187d3646fd8d37a40f8b7e6e0c_Date">
            <a:extLst>
              <a:ext uri="{FF2B5EF4-FFF2-40B4-BE49-F238E27FC236}">
                <a16:creationId xmlns:a16="http://schemas.microsoft.com/office/drawing/2014/main" id="{A08925F9-4372-46CC-B2FA-ABE20B54483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682374" y="35307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22</a:t>
            </a:r>
          </a:p>
        </p:txBody>
      </p:sp>
      <p:sp>
        <p:nvSpPr>
          <p:cNvPr id="4355" name="OTLSHAPE_M_386008187d3646fd8d37a40f8b7e6e0c_Shape">
            <a:extLst>
              <a:ext uri="{FF2B5EF4-FFF2-40B4-BE49-F238E27FC236}">
                <a16:creationId xmlns:a16="http://schemas.microsoft.com/office/drawing/2014/main" id="{6EC79765-BD5C-406F-B15D-51BFF6B0B0D3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 flipV="1">
            <a:off x="2690248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56" name="OTLSHAPE_M_a9072ab95494436c8f2f514c7bc14912_Title">
            <a:extLst>
              <a:ext uri="{FF2B5EF4-FFF2-40B4-BE49-F238E27FC236}">
                <a16:creationId xmlns:a16="http://schemas.microsoft.com/office/drawing/2014/main" id="{E0BBC3DE-40FB-4171-A791-38439BCB18E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2425263" y="536109"/>
            <a:ext cx="1257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l-PL" sz="900" b="1" spc="-6">
                <a:solidFill>
                  <a:schemeClr val="dk1"/>
                </a:solidFill>
                <a:latin typeface="Calibri" panose="020F0502020204030204" pitchFamily="34" charset="0"/>
              </a:rPr>
              <a:t>W/L Podebrady, W/L Kolin</a:t>
            </a:r>
            <a:endParaRPr lang="en-GB" sz="9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57" name="OTLSHAPE_M_a9072ab95494436c8f2f514c7bc14912_Date">
            <a:extLst>
              <a:ext uri="{FF2B5EF4-FFF2-40B4-BE49-F238E27FC236}">
                <a16:creationId xmlns:a16="http://schemas.microsoft.com/office/drawing/2014/main" id="{D75FA05C-1D73-445E-819E-C1647F36668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2935634" y="68834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25</a:t>
            </a:r>
          </a:p>
        </p:txBody>
      </p:sp>
      <p:sp>
        <p:nvSpPr>
          <p:cNvPr id="4358" name="OTLSHAPE_M_a9072ab95494436c8f2f514c7bc14912_Shape">
            <a:extLst>
              <a:ext uri="{FF2B5EF4-FFF2-40B4-BE49-F238E27FC236}">
                <a16:creationId xmlns:a16="http://schemas.microsoft.com/office/drawing/2014/main" id="{2C088BF3-61F9-4BA0-9EF5-9F97F8788E85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 flipV="1">
            <a:off x="2943508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59" name="OTLSHAPE_M_662836aa974f424eb1b27a4966709ec4_Title">
            <a:extLst>
              <a:ext uri="{FF2B5EF4-FFF2-40B4-BE49-F238E27FC236}">
                <a16:creationId xmlns:a16="http://schemas.microsoft.com/office/drawing/2014/main" id="{CB17F68A-6F98-4B6F-8A5A-35746EC6ADE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2928509" y="2972477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Prelouc</a:t>
            </a:r>
          </a:p>
        </p:txBody>
      </p:sp>
      <p:sp>
        <p:nvSpPr>
          <p:cNvPr id="4360" name="OTLSHAPE_M_662836aa974f424eb1b27a4966709ec4_Date">
            <a:extLst>
              <a:ext uri="{FF2B5EF4-FFF2-40B4-BE49-F238E27FC236}">
                <a16:creationId xmlns:a16="http://schemas.microsoft.com/office/drawing/2014/main" id="{05CC8ACE-A0B1-44D7-BEF4-C03C77BE990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104320" y="312470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27</a:t>
            </a:r>
          </a:p>
        </p:txBody>
      </p:sp>
      <p:sp>
        <p:nvSpPr>
          <p:cNvPr id="4361" name="OTLSHAPE_M_662836aa974f424eb1b27a4966709ec4_Shape">
            <a:extLst>
              <a:ext uri="{FF2B5EF4-FFF2-40B4-BE49-F238E27FC236}">
                <a16:creationId xmlns:a16="http://schemas.microsoft.com/office/drawing/2014/main" id="{1FD02D47-5717-4870-8049-6854470CE8D4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 flipV="1">
            <a:off x="3112194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62" name="OTLSHAPE_M_3c6698f745e44a3b8d98b105ddb2ba62_Title">
            <a:extLst>
              <a:ext uri="{FF2B5EF4-FFF2-40B4-BE49-F238E27FC236}">
                <a16:creationId xmlns:a16="http://schemas.microsoft.com/office/drawing/2014/main" id="{64641AAC-6B00-48DE-B84F-AD85A797566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330834" y="3378539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Kostelec</a:t>
            </a:r>
          </a:p>
        </p:txBody>
      </p:sp>
      <p:sp>
        <p:nvSpPr>
          <p:cNvPr id="4363" name="OTLSHAPE_M_3c6698f745e44a3b8d98b105ddb2ba62_Date">
            <a:extLst>
              <a:ext uri="{FF2B5EF4-FFF2-40B4-BE49-F238E27FC236}">
                <a16:creationId xmlns:a16="http://schemas.microsoft.com/office/drawing/2014/main" id="{07F15230-13DB-4DC1-9872-EEF9419987F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526265" y="35307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32</a:t>
            </a:r>
          </a:p>
        </p:txBody>
      </p:sp>
      <p:sp>
        <p:nvSpPr>
          <p:cNvPr id="4364" name="OTLSHAPE_M_3c6698f745e44a3b8d98b105ddb2ba62_Shape">
            <a:extLst>
              <a:ext uri="{FF2B5EF4-FFF2-40B4-BE49-F238E27FC236}">
                <a16:creationId xmlns:a16="http://schemas.microsoft.com/office/drawing/2014/main" id="{D5E57485-10B9-47DE-AF60-0361B1D8FE47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 flipV="1">
            <a:off x="3534139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65" name="OTLSHAPE_M_bef5befbc50444d296457015627475c1_Title">
            <a:extLst>
              <a:ext uri="{FF2B5EF4-FFF2-40B4-BE49-F238E27FC236}">
                <a16:creationId xmlns:a16="http://schemas.microsoft.com/office/drawing/2014/main" id="{9365DBE2-9005-4B3A-B284-93EAF9EAF75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2868088" y="942171"/>
            <a:ext cx="2057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l-PL" sz="900" b="1" spc="-4">
                <a:solidFill>
                  <a:schemeClr val="dk1"/>
                </a:solidFill>
                <a:latin typeface="Calibri" panose="020F0502020204030204" pitchFamily="34" charset="0"/>
              </a:rPr>
              <a:t>W/L Usti n.L, W/L Vrane n.Vl., W/L Lysa n.L.</a:t>
            </a:r>
            <a:endParaRPr lang="en-GB" sz="9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66" name="OTLSHAPE_M_bef5befbc50444d296457015627475c1_Date">
            <a:extLst>
              <a:ext uri="{FF2B5EF4-FFF2-40B4-BE49-F238E27FC236}">
                <a16:creationId xmlns:a16="http://schemas.microsoft.com/office/drawing/2014/main" id="{899BB1AE-E0A3-4016-BCFB-41DA9738911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3779525" y="109440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35</a:t>
            </a:r>
          </a:p>
        </p:txBody>
      </p:sp>
      <p:sp>
        <p:nvSpPr>
          <p:cNvPr id="4367" name="OTLSHAPE_M_bef5befbc50444d296457015627475c1_Shape">
            <a:extLst>
              <a:ext uri="{FF2B5EF4-FFF2-40B4-BE49-F238E27FC236}">
                <a16:creationId xmlns:a16="http://schemas.microsoft.com/office/drawing/2014/main" id="{66572CE1-7B21-47E2-927E-5191D050DE91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 flipV="1">
            <a:off x="3787399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68" name="OTLSHAPE_M_74d249ab14a64f12a97b8f15d851923f_Title">
            <a:extLst>
              <a:ext uri="{FF2B5EF4-FFF2-40B4-BE49-F238E27FC236}">
                <a16:creationId xmlns:a16="http://schemas.microsoft.com/office/drawing/2014/main" id="{81C225EC-D72B-4F97-965A-1662BBE8C040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3577842" y="1348232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l-PL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Brandys n.L.</a:t>
            </a:r>
            <a:endParaRPr lang="en-GB" sz="9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69" name="OTLSHAPE_M_74d249ab14a64f12a97b8f15d851923f_Date">
            <a:extLst>
              <a:ext uri="{FF2B5EF4-FFF2-40B4-BE49-F238E27FC236}">
                <a16:creationId xmlns:a16="http://schemas.microsoft.com/office/drawing/2014/main" id="{ADF8A381-F19D-4440-9205-1DF413C673AE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3863868" y="150046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36</a:t>
            </a:r>
          </a:p>
        </p:txBody>
      </p:sp>
      <p:sp>
        <p:nvSpPr>
          <p:cNvPr id="4370" name="OTLSHAPE_M_74d249ab14a64f12a97b8f15d851923f_Shape">
            <a:extLst>
              <a:ext uri="{FF2B5EF4-FFF2-40B4-BE49-F238E27FC236}">
                <a16:creationId xmlns:a16="http://schemas.microsoft.com/office/drawing/2014/main" id="{22947D15-2A80-4E7C-B76D-F0929D88E80F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 flipV="1">
            <a:off x="3871742" y="36957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71" name="OTLSHAPE_M_592143e5b0b74de6b488615fec0061ac_Title">
            <a:extLst>
              <a:ext uri="{FF2B5EF4-FFF2-40B4-BE49-F238E27FC236}">
                <a16:creationId xmlns:a16="http://schemas.microsoft.com/office/drawing/2014/main" id="{9E1AD848-BB86-4859-8041-69533C31374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223299" y="1754293"/>
            <a:ext cx="152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l-PL" sz="900" b="1" spc="-4">
                <a:solidFill>
                  <a:schemeClr val="dk1"/>
                </a:solidFill>
                <a:latin typeface="Calibri" panose="020F0502020204030204" pitchFamily="34" charset="0"/>
              </a:rPr>
              <a:t>W/L Kostomlatky, W/L Srnojedy</a:t>
            </a:r>
            <a:endParaRPr lang="en-GB" sz="9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72" name="OTLSHAPE_M_592143e5b0b74de6b488615fec0061ac_Date">
            <a:extLst>
              <a:ext uri="{FF2B5EF4-FFF2-40B4-BE49-F238E27FC236}">
                <a16:creationId xmlns:a16="http://schemas.microsoft.com/office/drawing/2014/main" id="{AF28280B-924A-4E41-86E9-A1812C068CF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864099" y="190652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36</a:t>
            </a:r>
          </a:p>
        </p:txBody>
      </p:sp>
      <p:sp>
        <p:nvSpPr>
          <p:cNvPr id="4373" name="OTLSHAPE_M_592143e5b0b74de6b488615fec0061ac_Shape">
            <a:extLst>
              <a:ext uri="{FF2B5EF4-FFF2-40B4-BE49-F238E27FC236}">
                <a16:creationId xmlns:a16="http://schemas.microsoft.com/office/drawing/2014/main" id="{9B893A69-7A35-48D1-A483-287AB2C203B6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 flipV="1">
            <a:off x="3871973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74" name="OTLSHAPE_M_068ab676897c494c811e0a969db065a2_Title">
            <a:extLst>
              <a:ext uri="{FF2B5EF4-FFF2-40B4-BE49-F238E27FC236}">
                <a16:creationId xmlns:a16="http://schemas.microsoft.com/office/drawing/2014/main" id="{B6F24D6E-D4A1-4EC1-9D52-8CDAF0B412F3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783801" y="2160355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Calibri" panose="020F0502020204030204" pitchFamily="34" charset="0"/>
              </a:rPr>
              <a:t>W/L Celakovice</a:t>
            </a:r>
          </a:p>
        </p:txBody>
      </p:sp>
      <p:sp>
        <p:nvSpPr>
          <p:cNvPr id="4375" name="OTLSHAPE_M_068ab676897c494c811e0a969db065a2_Date">
            <a:extLst>
              <a:ext uri="{FF2B5EF4-FFF2-40B4-BE49-F238E27FC236}">
                <a16:creationId xmlns:a16="http://schemas.microsoft.com/office/drawing/2014/main" id="{861BFE63-2A9D-480B-84D8-DF966C58CE4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4032784" y="2312585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38</a:t>
            </a:r>
          </a:p>
        </p:txBody>
      </p:sp>
      <p:sp>
        <p:nvSpPr>
          <p:cNvPr id="4376" name="OTLSHAPE_M_068ab676897c494c811e0a969db065a2_Shape">
            <a:extLst>
              <a:ext uri="{FF2B5EF4-FFF2-40B4-BE49-F238E27FC236}">
                <a16:creationId xmlns:a16="http://schemas.microsoft.com/office/drawing/2014/main" id="{BEA51E55-94C1-485D-9102-F097D0165ECD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 flipV="1">
            <a:off x="4040658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77" name="OTLSHAPE_M_bef13feb27c14966ab4b5c1e2c76c5a9_Title">
            <a:extLst>
              <a:ext uri="{FF2B5EF4-FFF2-40B4-BE49-F238E27FC236}">
                <a16:creationId xmlns:a16="http://schemas.microsoft.com/office/drawing/2014/main" id="{15254AED-4420-46E1-A804-84B23396FFF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029089" y="2972477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Klavary</a:t>
            </a:r>
          </a:p>
        </p:txBody>
      </p:sp>
      <p:sp>
        <p:nvSpPr>
          <p:cNvPr id="4378" name="OTLSHAPE_M_bef13feb27c14966ab4b5c1e2c76c5a9_Date">
            <a:extLst>
              <a:ext uri="{FF2B5EF4-FFF2-40B4-BE49-F238E27FC236}">
                <a16:creationId xmlns:a16="http://schemas.microsoft.com/office/drawing/2014/main" id="{996BBA15-455B-47AD-90EB-50B64B01FE1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4201470" y="312470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40</a:t>
            </a:r>
          </a:p>
        </p:txBody>
      </p:sp>
      <p:sp>
        <p:nvSpPr>
          <p:cNvPr id="4379" name="OTLSHAPE_M_bef13feb27c14966ab4b5c1e2c76c5a9_Shape">
            <a:extLst>
              <a:ext uri="{FF2B5EF4-FFF2-40B4-BE49-F238E27FC236}">
                <a16:creationId xmlns:a16="http://schemas.microsoft.com/office/drawing/2014/main" id="{EF051EE6-16FC-47AE-9DC5-D132FE227A67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 flipV="1">
            <a:off x="4209344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80" name="OTLSHAPE_M_149edff11eb94e4794c11b763adcbe2f_Title">
            <a:extLst>
              <a:ext uri="{FF2B5EF4-FFF2-40B4-BE49-F238E27FC236}">
                <a16:creationId xmlns:a16="http://schemas.microsoft.com/office/drawing/2014/main" id="{B5DF54F0-B9D2-4EAF-A022-C2130DAE914F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4314939" y="3378539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Calibri" panose="020F0502020204030204" pitchFamily="34" charset="0"/>
              </a:rPr>
              <a:t>W/L Hradistko</a:t>
            </a:r>
          </a:p>
        </p:txBody>
      </p:sp>
      <p:sp>
        <p:nvSpPr>
          <p:cNvPr id="4381" name="OTLSHAPE_M_149edff11eb94e4794c11b763adcbe2f_Date">
            <a:extLst>
              <a:ext uri="{FF2B5EF4-FFF2-40B4-BE49-F238E27FC236}">
                <a16:creationId xmlns:a16="http://schemas.microsoft.com/office/drawing/2014/main" id="{C0108CC5-7B81-47AD-B1B1-1700D825C381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4539073" y="35307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44</a:t>
            </a:r>
          </a:p>
        </p:txBody>
      </p:sp>
      <p:sp>
        <p:nvSpPr>
          <p:cNvPr id="4382" name="OTLSHAPE_M_149edff11eb94e4794c11b763adcbe2f_Shape">
            <a:extLst>
              <a:ext uri="{FF2B5EF4-FFF2-40B4-BE49-F238E27FC236}">
                <a16:creationId xmlns:a16="http://schemas.microsoft.com/office/drawing/2014/main" id="{6959D2DF-F099-4FF4-9AB0-CB1E92B21E54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 flipV="1">
            <a:off x="4546947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83" name="OTLSHAPE_M_14b6f8a9f1eb496e9160e5ff2386ce2d_Title">
            <a:extLst>
              <a:ext uri="{FF2B5EF4-FFF2-40B4-BE49-F238E27FC236}">
                <a16:creationId xmlns:a16="http://schemas.microsoft.com/office/drawing/2014/main" id="{CD01086A-8121-4CA8-A2E9-EB482C8BC719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3582056" y="2566416"/>
            <a:ext cx="2324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Stechovice - tallest loock chamber in Europe</a:t>
            </a:r>
            <a:endParaRPr lang="en-GB" sz="9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84" name="OTLSHAPE_M_14b6f8a9f1eb496e9160e5ff2386ce2d_Date">
            <a:extLst>
              <a:ext uri="{FF2B5EF4-FFF2-40B4-BE49-F238E27FC236}">
                <a16:creationId xmlns:a16="http://schemas.microsoft.com/office/drawing/2014/main" id="{07CCDCCA-9FD9-45F9-8A6D-F5B93420605F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4623647" y="271864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45</a:t>
            </a:r>
          </a:p>
        </p:txBody>
      </p:sp>
      <p:sp>
        <p:nvSpPr>
          <p:cNvPr id="4385" name="OTLSHAPE_M_14b6f8a9f1eb496e9160e5ff2386ce2d_Shape">
            <a:extLst>
              <a:ext uri="{FF2B5EF4-FFF2-40B4-BE49-F238E27FC236}">
                <a16:creationId xmlns:a16="http://schemas.microsoft.com/office/drawing/2014/main" id="{3B91F288-FA7A-44B0-81F2-009A3C937F4A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 flipV="1">
            <a:off x="4631521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86" name="OTLSHAPE_M_9c9a4ca5576e4af982af265f52c01150_Title">
            <a:extLst>
              <a:ext uri="{FF2B5EF4-FFF2-40B4-BE49-F238E27FC236}">
                <a16:creationId xmlns:a16="http://schemas.microsoft.com/office/drawing/2014/main" id="{CEA724F6-AED1-4E78-9C86-BA28FE13862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4957950" y="2972477"/>
            <a:ext cx="749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Calibri" panose="020F0502020204030204" pitchFamily="34" charset="0"/>
              </a:rPr>
              <a:t>W/L Velky Osek</a:t>
            </a:r>
          </a:p>
        </p:txBody>
      </p:sp>
      <p:sp>
        <p:nvSpPr>
          <p:cNvPr id="4387" name="OTLSHAPE_M_9c9a4ca5576e4af982af265f52c01150_Date">
            <a:extLst>
              <a:ext uri="{FF2B5EF4-FFF2-40B4-BE49-F238E27FC236}">
                <a16:creationId xmlns:a16="http://schemas.microsoft.com/office/drawing/2014/main" id="{79CCD783-95E1-4D7E-9407-0555001E3E1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5214278" y="312470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52</a:t>
            </a:r>
          </a:p>
        </p:txBody>
      </p:sp>
      <p:sp>
        <p:nvSpPr>
          <p:cNvPr id="4388" name="OTLSHAPE_M_9c9a4ca5576e4af982af265f52c01150_Shape">
            <a:extLst>
              <a:ext uri="{FF2B5EF4-FFF2-40B4-BE49-F238E27FC236}">
                <a16:creationId xmlns:a16="http://schemas.microsoft.com/office/drawing/2014/main" id="{BDF0B0A3-D2EF-4FB1-9750-524790D89D77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 flipV="1">
            <a:off x="5222152" y="36957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89" name="OTLSHAPE_M_34ec08b0cece4366a275fc24f4d33ae9_Title">
            <a:extLst>
              <a:ext uri="{FF2B5EF4-FFF2-40B4-BE49-F238E27FC236}">
                <a16:creationId xmlns:a16="http://schemas.microsoft.com/office/drawing/2014/main" id="{BF3EED85-2247-4A44-96A7-9FD5105ACA90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099296" y="3378539"/>
            <a:ext cx="2159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Artificial lake Orlik with a lift for small vessels</a:t>
            </a:r>
            <a:endParaRPr lang="en-GB" sz="9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90" name="OTLSHAPE_M_34ec08b0cece4366a275fc24f4d33ae9_Date">
            <a:extLst>
              <a:ext uri="{FF2B5EF4-FFF2-40B4-BE49-F238E27FC236}">
                <a16:creationId xmlns:a16="http://schemas.microsoft.com/office/drawing/2014/main" id="{BAB5B187-0C88-42BB-8BFD-0E878CD9D97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6058400" y="35307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62</a:t>
            </a:r>
          </a:p>
        </p:txBody>
      </p:sp>
      <p:sp>
        <p:nvSpPr>
          <p:cNvPr id="4391" name="OTLSHAPE_M_34ec08b0cece4366a275fc24f4d33ae9_Shape">
            <a:extLst>
              <a:ext uri="{FF2B5EF4-FFF2-40B4-BE49-F238E27FC236}">
                <a16:creationId xmlns:a16="http://schemas.microsoft.com/office/drawing/2014/main" id="{2866395F-5750-4C6C-B0FB-3EE83F185EFA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 flipV="1">
            <a:off x="6066274" y="36957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92" name="OTLSHAPE_M_d043204886e04c8e84f9255f7466f4cf_Title">
            <a:extLst>
              <a:ext uri="{FF2B5EF4-FFF2-40B4-BE49-F238E27FC236}">
                <a16:creationId xmlns:a16="http://schemas.microsoft.com/office/drawing/2014/main" id="{B59FC003-C346-4C40-AC82-E6D00F6E4FDA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902084" y="2972477"/>
            <a:ext cx="546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Calibri" panose="020F0502020204030204" pitchFamily="34" charset="0"/>
              </a:rPr>
              <a:t>W/L Kamyk</a:t>
            </a:r>
          </a:p>
        </p:txBody>
      </p:sp>
      <p:sp>
        <p:nvSpPr>
          <p:cNvPr id="4393" name="OTLSHAPE_M_d043204886e04c8e84f9255f7466f4cf_Date">
            <a:extLst>
              <a:ext uri="{FF2B5EF4-FFF2-40B4-BE49-F238E27FC236}">
                <a16:creationId xmlns:a16="http://schemas.microsoft.com/office/drawing/2014/main" id="{7A3FD0D4-DFCB-4336-A4C4-3F13695D4175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058400" y="312470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62</a:t>
            </a:r>
          </a:p>
        </p:txBody>
      </p:sp>
      <p:sp>
        <p:nvSpPr>
          <p:cNvPr id="4394" name="OTLSHAPE_M_d043204886e04c8e84f9255f7466f4cf_Shape">
            <a:extLst>
              <a:ext uri="{FF2B5EF4-FFF2-40B4-BE49-F238E27FC236}">
                <a16:creationId xmlns:a16="http://schemas.microsoft.com/office/drawing/2014/main" id="{D9759D31-55B1-4135-A6BC-C0C4E16ED5E6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 flipV="1">
            <a:off x="6066274" y="36957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95" name="OTLSHAPE_M_20aaceee93dd49fca1af8e28ce7ead19_Title">
            <a:extLst>
              <a:ext uri="{FF2B5EF4-FFF2-40B4-BE49-F238E27FC236}">
                <a16:creationId xmlns:a16="http://schemas.microsoft.com/office/drawing/2014/main" id="{A562EEA9-5F77-4589-BB33-27111169A78E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837739" y="2160355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Calibri" panose="020F0502020204030204" pitchFamily="34" charset="0"/>
              </a:rPr>
              <a:t>W/L Pardubice</a:t>
            </a:r>
          </a:p>
        </p:txBody>
      </p:sp>
      <p:sp>
        <p:nvSpPr>
          <p:cNvPr id="4396" name="OTLSHAPE_M_20aaceee93dd49fca1af8e28ce7ead19_Date">
            <a:extLst>
              <a:ext uri="{FF2B5EF4-FFF2-40B4-BE49-F238E27FC236}">
                <a16:creationId xmlns:a16="http://schemas.microsoft.com/office/drawing/2014/main" id="{A2247DF2-E22B-4CDD-A467-0C4FCC82726A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7071207" y="2312585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74</a:t>
            </a:r>
          </a:p>
        </p:txBody>
      </p:sp>
      <p:sp>
        <p:nvSpPr>
          <p:cNvPr id="4397" name="OTLSHAPE_M_20aaceee93dd49fca1af8e28ce7ead19_Shape">
            <a:extLst>
              <a:ext uri="{FF2B5EF4-FFF2-40B4-BE49-F238E27FC236}">
                <a16:creationId xmlns:a16="http://schemas.microsoft.com/office/drawing/2014/main" id="{7F99C6D5-CF76-4AA7-9189-D5C4CED40261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 flipV="1">
            <a:off x="7079081" y="3695700"/>
            <a:ext cx="228600" cy="254000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98" name="OTLSHAPE_M_7994b87b598c4b89adfd944767e3b9a6_Title">
            <a:extLst>
              <a:ext uri="{FF2B5EF4-FFF2-40B4-BE49-F238E27FC236}">
                <a16:creationId xmlns:a16="http://schemas.microsoft.com/office/drawing/2014/main" id="{CFE0DDD8-15A8-4BCB-93FC-64212037841B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7001032" y="2566416"/>
            <a:ext cx="546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Calibri" panose="020F0502020204030204" pitchFamily="34" charset="0"/>
              </a:rPr>
              <a:t>Lch Veletov</a:t>
            </a:r>
          </a:p>
        </p:txBody>
      </p:sp>
      <p:sp>
        <p:nvSpPr>
          <p:cNvPr id="4399" name="OTLSHAPE_M_7994b87b598c4b89adfd944767e3b9a6_Date">
            <a:extLst>
              <a:ext uri="{FF2B5EF4-FFF2-40B4-BE49-F238E27FC236}">
                <a16:creationId xmlns:a16="http://schemas.microsoft.com/office/drawing/2014/main" id="{0CB7A3A5-FBF7-42C3-B8F2-7728E6829C5B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7155781" y="271864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75</a:t>
            </a:r>
          </a:p>
        </p:txBody>
      </p:sp>
      <p:sp>
        <p:nvSpPr>
          <p:cNvPr id="4400" name="OTLSHAPE_M_7994b87b598c4b89adfd944767e3b9a6_Shape">
            <a:extLst>
              <a:ext uri="{FF2B5EF4-FFF2-40B4-BE49-F238E27FC236}">
                <a16:creationId xmlns:a16="http://schemas.microsoft.com/office/drawing/2014/main" id="{38085A3B-A22F-40D7-BA71-0A78D0FAEC8E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 flipV="1">
            <a:off x="7163655" y="3695700"/>
            <a:ext cx="228600" cy="254000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01" name="OTLSHAPE_M_87acb94707784b0898b347d02f9a3b0c_Title">
            <a:extLst>
              <a:ext uri="{FF2B5EF4-FFF2-40B4-BE49-F238E27FC236}">
                <a16:creationId xmlns:a16="http://schemas.microsoft.com/office/drawing/2014/main" id="{A755E9A1-F916-40BE-A69F-C453A84C3801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091655" y="2972477"/>
            <a:ext cx="698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l-PL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Tynec n.L.</a:t>
            </a:r>
            <a:endParaRPr lang="en-GB" sz="9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02" name="OTLSHAPE_M_87acb94707784b0898b347d02f9a3b0c_Date">
            <a:extLst>
              <a:ext uri="{FF2B5EF4-FFF2-40B4-BE49-F238E27FC236}">
                <a16:creationId xmlns:a16="http://schemas.microsoft.com/office/drawing/2014/main" id="{1BC138BA-6BBD-494A-AF19-8B1BDAFEDD7A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324467" y="312470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77</a:t>
            </a:r>
          </a:p>
        </p:txBody>
      </p:sp>
      <p:sp>
        <p:nvSpPr>
          <p:cNvPr id="4403" name="OTLSHAPE_M_87acb94707784b0898b347d02f9a3b0c_Shape">
            <a:extLst>
              <a:ext uri="{FF2B5EF4-FFF2-40B4-BE49-F238E27FC236}">
                <a16:creationId xmlns:a16="http://schemas.microsoft.com/office/drawing/2014/main" id="{A6EBADC6-CAB4-47A4-A356-E505E185F666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 flipV="1">
            <a:off x="7332341" y="3695700"/>
            <a:ext cx="228600" cy="254000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04" name="OTLSHAPE_M_f2f70d069c3f4e48b5165d84487ce8f5_Title">
            <a:extLst>
              <a:ext uri="{FF2B5EF4-FFF2-40B4-BE49-F238E27FC236}">
                <a16:creationId xmlns:a16="http://schemas.microsoft.com/office/drawing/2014/main" id="{E2D2F88C-414D-4AD8-8D3B-9A5E8A2F02C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437924" y="3378539"/>
            <a:ext cx="1028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Calibri" panose="020F0502020204030204" pitchFamily="34" charset="0"/>
              </a:rPr>
              <a:t>W/L Praha - Modřany</a:t>
            </a:r>
          </a:p>
        </p:txBody>
      </p:sp>
      <p:sp>
        <p:nvSpPr>
          <p:cNvPr id="4405" name="OTLSHAPE_M_f2f70d069c3f4e48b5165d84487ce8f5_Date">
            <a:extLst>
              <a:ext uri="{FF2B5EF4-FFF2-40B4-BE49-F238E27FC236}">
                <a16:creationId xmlns:a16="http://schemas.microsoft.com/office/drawing/2014/main" id="{D7F7BB4A-03A6-46B1-AD4F-2D1C5E2E30A4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7830755" y="35307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83</a:t>
            </a:r>
          </a:p>
        </p:txBody>
      </p:sp>
      <p:sp>
        <p:nvSpPr>
          <p:cNvPr id="4406" name="OTLSHAPE_M_f2f70d069c3f4e48b5165d84487ce8f5_Shape">
            <a:extLst>
              <a:ext uri="{FF2B5EF4-FFF2-40B4-BE49-F238E27FC236}">
                <a16:creationId xmlns:a16="http://schemas.microsoft.com/office/drawing/2014/main" id="{DFF8DDFA-0B52-4295-AE1D-90CF60260ECF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 flipV="1">
            <a:off x="7838629" y="3695700"/>
            <a:ext cx="228600" cy="254000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07" name="OTLSHAPE_M_7fe302fce7c94b2d9a7cd3022f06eff4_Title">
            <a:extLst>
              <a:ext uri="{FF2B5EF4-FFF2-40B4-BE49-F238E27FC236}">
                <a16:creationId xmlns:a16="http://schemas.microsoft.com/office/drawing/2014/main" id="{148BEE59-AB0D-40F8-855C-52DC36704C3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0430302" y="3378539"/>
            <a:ext cx="774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Hněvkovice</a:t>
            </a:r>
          </a:p>
        </p:txBody>
      </p:sp>
      <p:sp>
        <p:nvSpPr>
          <p:cNvPr id="4408" name="OTLSHAPE_M_7fe302fce7c94b2d9a7cd3022f06eff4_Date">
            <a:extLst>
              <a:ext uri="{FF2B5EF4-FFF2-40B4-BE49-F238E27FC236}">
                <a16:creationId xmlns:a16="http://schemas.microsoft.com/office/drawing/2014/main" id="{8076E80C-2D93-44A4-8015-17B39FEA070B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700262" y="35307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409" name="OTLSHAPE_M_7fe302fce7c94b2d9a7cd3022f06eff4_Shape">
            <a:extLst>
              <a:ext uri="{FF2B5EF4-FFF2-40B4-BE49-F238E27FC236}">
                <a16:creationId xmlns:a16="http://schemas.microsoft.com/office/drawing/2014/main" id="{2352D761-1FF4-4CE0-8027-E3137D73FBB7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 flipV="1">
            <a:off x="10708136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10" name="OTLSHAPE_M_4b819ffd878c4b62a8241c626ad9b271_Title">
            <a:extLst>
              <a:ext uri="{FF2B5EF4-FFF2-40B4-BE49-F238E27FC236}">
                <a16:creationId xmlns:a16="http://schemas.microsoft.com/office/drawing/2014/main" id="{611E74E9-E28E-4AE0-AE92-E627CF0F7438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18228" y="2972477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Dolánky</a:t>
            </a:r>
          </a:p>
        </p:txBody>
      </p:sp>
      <p:sp>
        <p:nvSpPr>
          <p:cNvPr id="4411" name="OTLSHAPE_M_4b819ffd878c4b62a8241c626ad9b271_Date">
            <a:extLst>
              <a:ext uri="{FF2B5EF4-FFF2-40B4-BE49-F238E27FC236}">
                <a16:creationId xmlns:a16="http://schemas.microsoft.com/office/drawing/2014/main" id="{96F6273B-7235-41F7-842D-4EB5ADFD47D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10019" y="312470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01</a:t>
            </a:r>
          </a:p>
        </p:txBody>
      </p:sp>
      <p:sp>
        <p:nvSpPr>
          <p:cNvPr id="4412" name="OTLSHAPE_M_4b819ffd878c4b62a8241c626ad9b271_Shape">
            <a:extLst>
              <a:ext uri="{FF2B5EF4-FFF2-40B4-BE49-F238E27FC236}">
                <a16:creationId xmlns:a16="http://schemas.microsoft.com/office/drawing/2014/main" id="{406BB556-3A7F-4914-8031-EE97130B3755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 flipV="1">
            <a:off x="917893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13" name="OTLSHAPE_M_f299549614374410b2bb3ad235a4c649_Title">
            <a:extLst>
              <a:ext uri="{FF2B5EF4-FFF2-40B4-BE49-F238E27FC236}">
                <a16:creationId xmlns:a16="http://schemas.microsoft.com/office/drawing/2014/main" id="{201CE98B-4CF8-4303-94EE-2629DFBF45C3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687591" y="536109"/>
            <a:ext cx="850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Calibri" panose="020F0502020204030204" pitchFamily="34" charset="0"/>
              </a:rPr>
              <a:t>W/L Praha – Trója</a:t>
            </a:r>
          </a:p>
        </p:txBody>
      </p:sp>
      <p:sp>
        <p:nvSpPr>
          <p:cNvPr id="4414" name="OTLSHAPE_M_f299549614374410b2bb3ad235a4c649_Date">
            <a:extLst>
              <a:ext uri="{FF2B5EF4-FFF2-40B4-BE49-F238E27FC236}">
                <a16:creationId xmlns:a16="http://schemas.microsoft.com/office/drawing/2014/main" id="{531A728F-8E43-42E2-84F2-F9EF92007D86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994593" y="68834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02</a:t>
            </a:r>
          </a:p>
        </p:txBody>
      </p:sp>
      <p:sp>
        <p:nvSpPr>
          <p:cNvPr id="4415" name="OTLSHAPE_M_f299549614374410b2bb3ad235a4c649_Shape">
            <a:extLst>
              <a:ext uri="{FF2B5EF4-FFF2-40B4-BE49-F238E27FC236}">
                <a16:creationId xmlns:a16="http://schemas.microsoft.com/office/drawing/2014/main" id="{AF8FDCF5-2D89-4460-A699-43AE74E2C9E2}"/>
              </a:ext>
            </a:extLst>
          </p:cNvPr>
          <p:cNvSpPr/>
          <p:nvPr>
            <p:custDataLst>
              <p:tags r:id="rId165"/>
            </p:custDataLst>
          </p:nvPr>
        </p:nvSpPr>
        <p:spPr>
          <a:xfrm flipV="1">
            <a:off x="1002467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16" name="OTLSHAPE_M_7f1afdc6778d40b5ba310e2ae2784576_Title">
            <a:extLst>
              <a:ext uri="{FF2B5EF4-FFF2-40B4-BE49-F238E27FC236}">
                <a16:creationId xmlns:a16="http://schemas.microsoft.com/office/drawing/2014/main" id="{05AB6947-CE98-418C-8002-125216868D7E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829763" y="3378539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Miřejovice</a:t>
            </a:r>
          </a:p>
        </p:txBody>
      </p:sp>
      <p:sp>
        <p:nvSpPr>
          <p:cNvPr id="4417" name="OTLSHAPE_M_7f1afdc6778d40b5ba310e2ae2784576_Date">
            <a:extLst>
              <a:ext uri="{FF2B5EF4-FFF2-40B4-BE49-F238E27FC236}">
                <a16:creationId xmlns:a16="http://schemas.microsoft.com/office/drawing/2014/main" id="{0411C322-835D-4AB5-B668-EF2514CBD344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078705" y="35307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03</a:t>
            </a:r>
          </a:p>
        </p:txBody>
      </p:sp>
      <p:sp>
        <p:nvSpPr>
          <p:cNvPr id="4418" name="OTLSHAPE_M_7f1afdc6778d40b5ba310e2ae2784576_Shape">
            <a:extLst>
              <a:ext uri="{FF2B5EF4-FFF2-40B4-BE49-F238E27FC236}">
                <a16:creationId xmlns:a16="http://schemas.microsoft.com/office/drawing/2014/main" id="{BA1D6DAC-2677-43C8-ADEB-12CA84AA7F59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 flipV="1">
            <a:off x="1086579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19" name="OTLSHAPE_M_9b2b6df275bd4813bdd7a63871ae4f4b_Title">
            <a:extLst>
              <a:ext uri="{FF2B5EF4-FFF2-40B4-BE49-F238E27FC236}">
                <a16:creationId xmlns:a16="http://schemas.microsoft.com/office/drawing/2014/main" id="{F11B66CB-FA34-4F89-9133-326E42E15772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118439" y="942171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Hořín</a:t>
            </a:r>
          </a:p>
        </p:txBody>
      </p:sp>
      <p:sp>
        <p:nvSpPr>
          <p:cNvPr id="4420" name="OTLSHAPE_M_9b2b6df275bd4813bdd7a63871ae4f4b_Date">
            <a:extLst>
              <a:ext uri="{FF2B5EF4-FFF2-40B4-BE49-F238E27FC236}">
                <a16:creationId xmlns:a16="http://schemas.microsoft.com/office/drawing/2014/main" id="{A5B2BE97-3192-46CD-A376-0A5DE5C38C40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47852" y="109440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05</a:t>
            </a:r>
          </a:p>
        </p:txBody>
      </p:sp>
      <p:sp>
        <p:nvSpPr>
          <p:cNvPr id="4421" name="OTLSHAPE_M_9b2b6df275bd4813bdd7a63871ae4f4b_Shape">
            <a:extLst>
              <a:ext uri="{FF2B5EF4-FFF2-40B4-BE49-F238E27FC236}">
                <a16:creationId xmlns:a16="http://schemas.microsoft.com/office/drawing/2014/main" id="{3A701E27-5B02-4284-BE77-08F6516A92A8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 flipV="1">
            <a:off x="1255726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22" name="OTLSHAPE_M_e7d73676d2a64ac68d97c8623964d23f_Title">
            <a:extLst>
              <a:ext uri="{FF2B5EF4-FFF2-40B4-BE49-F238E27FC236}">
                <a16:creationId xmlns:a16="http://schemas.microsoft.com/office/drawing/2014/main" id="{B72EDD4E-A7EF-4875-97E0-E1ACEDD9DAE0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049990" y="1348232"/>
            <a:ext cx="977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Dolní Beřkovice</a:t>
            </a:r>
          </a:p>
        </p:txBody>
      </p:sp>
      <p:sp>
        <p:nvSpPr>
          <p:cNvPr id="4423" name="OTLSHAPE_M_e7d73676d2a64ac68d97c8623964d23f_Date">
            <a:extLst>
              <a:ext uri="{FF2B5EF4-FFF2-40B4-BE49-F238E27FC236}">
                <a16:creationId xmlns:a16="http://schemas.microsoft.com/office/drawing/2014/main" id="{D595C20C-79B9-4C94-A8D4-B5EF15F25F5E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417231" y="150046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07</a:t>
            </a:r>
          </a:p>
        </p:txBody>
      </p:sp>
      <p:sp>
        <p:nvSpPr>
          <p:cNvPr id="4424" name="OTLSHAPE_M_e7d73676d2a64ac68d97c8623964d23f_Shape">
            <a:extLst>
              <a:ext uri="{FF2B5EF4-FFF2-40B4-BE49-F238E27FC236}">
                <a16:creationId xmlns:a16="http://schemas.microsoft.com/office/drawing/2014/main" id="{5719E3E0-D58E-4BD7-8E16-1D814DAF9F02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 flipV="1">
            <a:off x="1425105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25" name="OTLSHAPE_M_ffe8b1383fcf4fad80fb7847df0ff12e_Title">
            <a:extLst>
              <a:ext uri="{FF2B5EF4-FFF2-40B4-BE49-F238E27FC236}">
                <a16:creationId xmlns:a16="http://schemas.microsoft.com/office/drawing/2014/main" id="{CDBAB4AD-0A20-49E7-A6D4-2B73537D9C4C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481031" y="2972477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Štětí</a:t>
            </a:r>
          </a:p>
        </p:txBody>
      </p:sp>
      <p:sp>
        <p:nvSpPr>
          <p:cNvPr id="4426" name="OTLSHAPE_M_ffe8b1383fcf4fad80fb7847df0ff12e_Date">
            <a:extLst>
              <a:ext uri="{FF2B5EF4-FFF2-40B4-BE49-F238E27FC236}">
                <a16:creationId xmlns:a16="http://schemas.microsoft.com/office/drawing/2014/main" id="{4D763FE7-869F-462E-8F07-472E34036AAD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586610" y="312470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09</a:t>
            </a:r>
          </a:p>
        </p:txBody>
      </p:sp>
      <p:sp>
        <p:nvSpPr>
          <p:cNvPr id="4427" name="OTLSHAPE_M_ffe8b1383fcf4fad80fb7847df0ff12e_Shape">
            <a:extLst>
              <a:ext uri="{FF2B5EF4-FFF2-40B4-BE49-F238E27FC236}">
                <a16:creationId xmlns:a16="http://schemas.microsoft.com/office/drawing/2014/main" id="{AE1AF1F0-335D-4F22-A534-D74135BBF1A8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 flipV="1">
            <a:off x="1594484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28" name="OTLSHAPE_M_fb4252df07c747da85316a5d741f1206_Title">
            <a:extLst>
              <a:ext uri="{FF2B5EF4-FFF2-40B4-BE49-F238E27FC236}">
                <a16:creationId xmlns:a16="http://schemas.microsoft.com/office/drawing/2014/main" id="{2582AECD-7537-491C-9016-D959D89FC715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621521" y="3378539"/>
            <a:ext cx="508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Hadík</a:t>
            </a:r>
          </a:p>
        </p:txBody>
      </p:sp>
      <p:sp>
        <p:nvSpPr>
          <p:cNvPr id="4429" name="OTLSHAPE_M_fb4252df07c747da85316a5d741f1206_Date">
            <a:extLst>
              <a:ext uri="{FF2B5EF4-FFF2-40B4-BE49-F238E27FC236}">
                <a16:creationId xmlns:a16="http://schemas.microsoft.com/office/drawing/2014/main" id="{9BA376D9-2DF1-40F6-BA82-2A2521215705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755527" y="35307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11</a:t>
            </a:r>
          </a:p>
        </p:txBody>
      </p:sp>
      <p:sp>
        <p:nvSpPr>
          <p:cNvPr id="4430" name="OTLSHAPE_M_fb4252df07c747da85316a5d741f1206_Shape">
            <a:extLst>
              <a:ext uri="{FF2B5EF4-FFF2-40B4-BE49-F238E27FC236}">
                <a16:creationId xmlns:a16="http://schemas.microsoft.com/office/drawing/2014/main" id="{5EB527F9-5120-4615-9A11-7481DF75055D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 flipV="1">
            <a:off x="1763401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1" name="OTLSHAPE_M_772c9ffd21c042419903eda32bd89923_Title">
            <a:extLst>
              <a:ext uri="{FF2B5EF4-FFF2-40B4-BE49-F238E27FC236}">
                <a16:creationId xmlns:a16="http://schemas.microsoft.com/office/drawing/2014/main" id="{0FFA0FC4-3B61-42A4-BFBC-B5F19B6BA589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195788" y="1754293"/>
            <a:ext cx="152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l-PL" sz="900" b="1" spc="-2">
                <a:solidFill>
                  <a:schemeClr val="dk1"/>
                </a:solidFill>
                <a:latin typeface="Calibri" panose="020F0502020204030204" pitchFamily="34" charset="0"/>
              </a:rPr>
              <a:t>W/L Obříství, W/L Roudnice n.L.</a:t>
            </a:r>
            <a:endParaRPr lang="en-GB" sz="9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2" name="OTLSHAPE_M_772c9ffd21c042419903eda32bd89923_Date">
            <a:extLst>
              <a:ext uri="{FF2B5EF4-FFF2-40B4-BE49-F238E27FC236}">
                <a16:creationId xmlns:a16="http://schemas.microsoft.com/office/drawing/2014/main" id="{7BDF7356-3BCC-491F-BD36-1D94042E8185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840101" y="190652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12</a:t>
            </a:r>
          </a:p>
        </p:txBody>
      </p:sp>
      <p:sp>
        <p:nvSpPr>
          <p:cNvPr id="4433" name="OTLSHAPE_M_772c9ffd21c042419903eda32bd89923_Shape">
            <a:extLst>
              <a:ext uri="{FF2B5EF4-FFF2-40B4-BE49-F238E27FC236}">
                <a16:creationId xmlns:a16="http://schemas.microsoft.com/office/drawing/2014/main" id="{56052ED5-C809-43FF-B6A5-8A531DE145E1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 flipV="1">
            <a:off x="1847975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4" name="OTLSHAPE_M_cdf7accdb248462ba0118d299fb3a064_Title">
            <a:extLst>
              <a:ext uri="{FF2B5EF4-FFF2-40B4-BE49-F238E27FC236}">
                <a16:creationId xmlns:a16="http://schemas.microsoft.com/office/drawing/2014/main" id="{BCABA7AC-B039-480D-94AA-C5A83FEE2D18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981889" y="2160355"/>
            <a:ext cx="2120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l-PL" sz="900" b="1" spc="-4">
                <a:solidFill>
                  <a:schemeClr val="dk1"/>
                </a:solidFill>
                <a:latin typeface="Calibri" panose="020F0502020204030204" pitchFamily="34" charset="0"/>
              </a:rPr>
              <a:t>W/L Praha – Štvanice, W/L Praha – Smíchov, </a:t>
            </a:r>
            <a:endParaRPr lang="en-GB" sz="9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5" name="OTLSHAPE_M_cdf7accdb248462ba0118d299fb3a064_Date">
            <a:extLst>
              <a:ext uri="{FF2B5EF4-FFF2-40B4-BE49-F238E27FC236}">
                <a16:creationId xmlns:a16="http://schemas.microsoft.com/office/drawing/2014/main" id="{E789AAFE-99E9-4CC5-9A05-24E3CD157F2C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924906" y="2312585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13</a:t>
            </a:r>
          </a:p>
        </p:txBody>
      </p:sp>
      <p:sp>
        <p:nvSpPr>
          <p:cNvPr id="4436" name="OTLSHAPE_M_cdf7accdb248462ba0118d299fb3a064_Shape">
            <a:extLst>
              <a:ext uri="{FF2B5EF4-FFF2-40B4-BE49-F238E27FC236}">
                <a16:creationId xmlns:a16="http://schemas.microsoft.com/office/drawing/2014/main" id="{7F4A9BCD-0E20-4E79-A1FE-569000668797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 flipV="1">
            <a:off x="1932780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7" name="OTLSHAPE_M_d139c1c9f07a45299b5127b8b90eee53_Title">
            <a:extLst>
              <a:ext uri="{FF2B5EF4-FFF2-40B4-BE49-F238E27FC236}">
                <a16:creationId xmlns:a16="http://schemas.microsoft.com/office/drawing/2014/main" id="{00256393-C266-4B16-B89D-E62C03A8CDCB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688167" y="2566416"/>
            <a:ext cx="876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Calibri" panose="020F0502020204030204" pitchFamily="34" charset="0"/>
              </a:rPr>
              <a:t>W/L České Kopisty</a:t>
            </a:r>
          </a:p>
        </p:txBody>
      </p:sp>
      <p:sp>
        <p:nvSpPr>
          <p:cNvPr id="4438" name="OTLSHAPE_M_d139c1c9f07a45299b5127b8b90eee53_Date">
            <a:extLst>
              <a:ext uri="{FF2B5EF4-FFF2-40B4-BE49-F238E27FC236}">
                <a16:creationId xmlns:a16="http://schemas.microsoft.com/office/drawing/2014/main" id="{6447A8F4-4881-4A49-8CA4-2FB707368075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2009942" y="271864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1914</a:t>
            </a:r>
          </a:p>
        </p:txBody>
      </p:sp>
      <p:sp>
        <p:nvSpPr>
          <p:cNvPr id="4439" name="OTLSHAPE_M_d139c1c9f07a45299b5127b8b90eee53_Shape">
            <a:extLst>
              <a:ext uri="{FF2B5EF4-FFF2-40B4-BE49-F238E27FC236}">
                <a16:creationId xmlns:a16="http://schemas.microsoft.com/office/drawing/2014/main" id="{44D45706-819D-4DF5-91A1-5DB6732D40C0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 flipV="1">
            <a:off x="2017816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40" name="OTLSHAPE_M_f66d7ff972b14fd88e15372caaa4a0f0_Title">
            <a:extLst>
              <a:ext uri="{FF2B5EF4-FFF2-40B4-BE49-F238E27FC236}">
                <a16:creationId xmlns:a16="http://schemas.microsoft.com/office/drawing/2014/main" id="{8D7C272E-7BF3-491C-837D-883D7CFB255E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0098749" y="2972477"/>
            <a:ext cx="762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Calibri" panose="020F0502020204030204" pitchFamily="34" charset="0"/>
              </a:rPr>
              <a:t>Lch Hluboka nVl</a:t>
            </a:r>
          </a:p>
        </p:txBody>
      </p:sp>
      <p:sp>
        <p:nvSpPr>
          <p:cNvPr id="4441" name="OTLSHAPE_M_f66d7ff972b14fd88e15372caaa4a0f0_Date">
            <a:extLst>
              <a:ext uri="{FF2B5EF4-FFF2-40B4-BE49-F238E27FC236}">
                <a16:creationId xmlns:a16="http://schemas.microsoft.com/office/drawing/2014/main" id="{6FA2F113-B8BB-47DB-AD58-E3E5300D1DAC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0363121" y="312470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2F3699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4442" name="OTLSHAPE_M_f66d7ff972b14fd88e15372caaa4a0f0_Shape">
            <a:extLst>
              <a:ext uri="{FF2B5EF4-FFF2-40B4-BE49-F238E27FC236}">
                <a16:creationId xmlns:a16="http://schemas.microsoft.com/office/drawing/2014/main" id="{747BBCF3-2ECE-49C5-B169-0D1928DD9D32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 flipV="1">
            <a:off x="10370995" y="3695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43" name="OTLSHAPE_T_f138216832bf4d4eacc6ab3134d3eb2a_Shape">
            <a:extLst>
              <a:ext uri="{FF2B5EF4-FFF2-40B4-BE49-F238E27FC236}">
                <a16:creationId xmlns:a16="http://schemas.microsoft.com/office/drawing/2014/main" id="{7D58AD25-4649-4883-8927-F0A7BC7BD3BE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1116305" y="4922986"/>
            <a:ext cx="14224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44" name="OTLSHAPE_T_f138216832bf4d4eacc6ab3134d3eb2a_ShapePercentage" hidden="1">
            <a:extLst>
              <a:ext uri="{FF2B5EF4-FFF2-40B4-BE49-F238E27FC236}">
                <a16:creationId xmlns:a16="http://schemas.microsoft.com/office/drawing/2014/main" id="{4B73BC32-F3B2-4653-A29C-7711E0984BE3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1116305" y="4922986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45" name="OTLSHAPE_T_f138216832bf4d4eacc6ab3134d3eb2a_Duration" hidden="1">
            <a:extLst>
              <a:ext uri="{FF2B5EF4-FFF2-40B4-BE49-F238E27FC236}">
                <a16:creationId xmlns:a16="http://schemas.microsoft.com/office/drawing/2014/main" id="{836921D7-684B-4231-9195-F2EF0A84C365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0" y="4783455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369 days</a:t>
            </a:r>
          </a:p>
        </p:txBody>
      </p:sp>
      <p:sp>
        <p:nvSpPr>
          <p:cNvPr id="4446" name="OTLSHAPE_T_f138216832bf4d4eacc6ab3134d3eb2a_TextPercentage" hidden="1">
            <a:extLst>
              <a:ext uri="{FF2B5EF4-FFF2-40B4-BE49-F238E27FC236}">
                <a16:creationId xmlns:a16="http://schemas.microsoft.com/office/drawing/2014/main" id="{56345F6E-2D70-4D01-9E12-28FED9DCDEA5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0" y="4938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47" name="OTLSHAPE_T_f138216832bf4d4eacc6ab3134d3eb2a_StartDate" hidden="1">
            <a:extLst>
              <a:ext uri="{FF2B5EF4-FFF2-40B4-BE49-F238E27FC236}">
                <a16:creationId xmlns:a16="http://schemas.microsoft.com/office/drawing/2014/main" id="{431E597F-DF1E-462A-87C0-85EFA7B3859B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0" y="49384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48" name="OTLSHAPE_T_f138216832bf4d4eacc6ab3134d3eb2a_EndDate" hidden="1">
            <a:extLst>
              <a:ext uri="{FF2B5EF4-FFF2-40B4-BE49-F238E27FC236}">
                <a16:creationId xmlns:a16="http://schemas.microsoft.com/office/drawing/2014/main" id="{8E947E99-DAA1-4B5B-8154-C4EFB46EC305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0" y="49384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49" name="OTLSHAPE_T_f138216832bf4d4eacc6ab3134d3eb2a_Title">
            <a:extLst>
              <a:ext uri="{FF2B5EF4-FFF2-40B4-BE49-F238E27FC236}">
                <a16:creationId xmlns:a16="http://schemas.microsoft.com/office/drawing/2014/main" id="{34C27077-D8F4-45B4-9E5E-CEEDEA22D340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116305" y="4783455"/>
            <a:ext cx="1219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8">
                <a:solidFill>
                  <a:schemeClr val="dk1"/>
                </a:solidFill>
                <a:latin typeface="Calibri" panose="020F0502020204030204" pitchFamily="34" charset="0"/>
              </a:rPr>
              <a:t>ck Waterways Directorate</a:t>
            </a:r>
          </a:p>
        </p:txBody>
      </p:sp>
      <p:sp>
        <p:nvSpPr>
          <p:cNvPr id="4450" name="OTLSHAPE_T_f138216832bf4d4eacc6ab3134d3eb2a_JoinedDate">
            <a:extLst>
              <a:ext uri="{FF2B5EF4-FFF2-40B4-BE49-F238E27FC236}">
                <a16:creationId xmlns:a16="http://schemas.microsoft.com/office/drawing/2014/main" id="{E55892F6-E0B0-47FB-BE1B-30DA5EEFD51F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2580599" y="4916720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4E67C8"/>
                </a:solidFill>
                <a:latin typeface="Calibri" panose="020F0502020204030204" pitchFamily="34" charset="0"/>
              </a:rPr>
              <a:t>1902 - 1918</a:t>
            </a:r>
          </a:p>
        </p:txBody>
      </p:sp>
      <p:sp>
        <p:nvSpPr>
          <p:cNvPr id="4451" name="OTLSHAPE_T_a69ed745bb3e4830b037afd1e3ecfcd2_Shape">
            <a:extLst>
              <a:ext uri="{FF2B5EF4-FFF2-40B4-BE49-F238E27FC236}">
                <a16:creationId xmlns:a16="http://schemas.microsoft.com/office/drawing/2014/main" id="{0638B904-FAB6-4BE4-8C03-2968D3E73B18}"/>
              </a:ext>
            </a:extLst>
          </p:cNvPr>
          <p:cNvSpPr/>
          <p:nvPr>
            <p:custDataLst>
              <p:tags r:id="rId201"/>
            </p:custDataLst>
          </p:nvPr>
        </p:nvSpPr>
        <p:spPr>
          <a:xfrm>
            <a:off x="9239562" y="5233882"/>
            <a:ext cx="17780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52" name="OTLSHAPE_T_a69ed745bb3e4830b037afd1e3ecfcd2_ShapePercentage" hidden="1">
            <a:extLst>
              <a:ext uri="{FF2B5EF4-FFF2-40B4-BE49-F238E27FC236}">
                <a16:creationId xmlns:a16="http://schemas.microsoft.com/office/drawing/2014/main" id="{FC643C7D-D1E9-422C-9EFC-D5B0116228C0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9239562" y="5233882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53" name="OTLSHAPE_T_a69ed745bb3e4830b037afd1e3ecfcd2_Duration" hidden="1">
            <a:extLst>
              <a:ext uri="{FF2B5EF4-FFF2-40B4-BE49-F238E27FC236}">
                <a16:creationId xmlns:a16="http://schemas.microsoft.com/office/drawing/2014/main" id="{52FE7F2B-1943-4B37-BDD7-5B7B4EAA8775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0" y="5094351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78 days</a:t>
            </a:r>
          </a:p>
        </p:txBody>
      </p:sp>
      <p:sp>
        <p:nvSpPr>
          <p:cNvPr id="4454" name="OTLSHAPE_T_a69ed745bb3e4830b037afd1e3ecfcd2_TextPercentage" hidden="1">
            <a:extLst>
              <a:ext uri="{FF2B5EF4-FFF2-40B4-BE49-F238E27FC236}">
                <a16:creationId xmlns:a16="http://schemas.microsoft.com/office/drawing/2014/main" id="{99898A2B-131C-465F-A420-C0C4FE707D1F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0" y="5249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55" name="OTLSHAPE_T_a69ed745bb3e4830b037afd1e3ecfcd2_StartDate" hidden="1">
            <a:extLst>
              <a:ext uri="{FF2B5EF4-FFF2-40B4-BE49-F238E27FC236}">
                <a16:creationId xmlns:a16="http://schemas.microsoft.com/office/drawing/2014/main" id="{D188D73E-379C-4AFF-BC58-51741C207A35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0" y="524937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56" name="OTLSHAPE_T_a69ed745bb3e4830b037afd1e3ecfcd2_EndDate" hidden="1">
            <a:extLst>
              <a:ext uri="{FF2B5EF4-FFF2-40B4-BE49-F238E27FC236}">
                <a16:creationId xmlns:a16="http://schemas.microsoft.com/office/drawing/2014/main" id="{7794E22D-5BEE-4B13-86F1-8F8E0A538257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0" y="524937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57" name="OTLSHAPE_T_a69ed745bb3e4830b037afd1e3ecfcd2_Title">
            <a:extLst>
              <a:ext uri="{FF2B5EF4-FFF2-40B4-BE49-F238E27FC236}">
                <a16:creationId xmlns:a16="http://schemas.microsoft.com/office/drawing/2014/main" id="{ED763187-8680-4ECB-B926-9BA5705C8825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9239562" y="5094351"/>
            <a:ext cx="1333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8">
                <a:solidFill>
                  <a:schemeClr val="dk1"/>
                </a:solidFill>
                <a:latin typeface="Calibri" panose="020F0502020204030204" pitchFamily="34" charset="0"/>
              </a:rPr>
              <a:t>New Waterways Directorate</a:t>
            </a:r>
          </a:p>
        </p:txBody>
      </p:sp>
      <p:sp>
        <p:nvSpPr>
          <p:cNvPr id="4458" name="OTLSHAPE_T_a69ed745bb3e4830b037afd1e3ecfcd2_JoinedDate">
            <a:extLst>
              <a:ext uri="{FF2B5EF4-FFF2-40B4-BE49-F238E27FC236}">
                <a16:creationId xmlns:a16="http://schemas.microsoft.com/office/drawing/2014/main" id="{E447E582-89F7-48CC-AC8A-7D0A9B76FFF0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1062487" y="5227616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4E67C8"/>
                </a:solidFill>
                <a:latin typeface="Calibri" panose="020F0502020204030204" pitchFamily="34" charset="0"/>
              </a:rPr>
              <a:t>1998 - 2019</a:t>
            </a:r>
          </a:p>
        </p:txBody>
      </p:sp>
      <p:sp>
        <p:nvSpPr>
          <p:cNvPr id="4459" name="OTLSHAPE_T_34f23d2d5ddb4022b0565a0ba1a1df7b_Shape">
            <a:extLst>
              <a:ext uri="{FF2B5EF4-FFF2-40B4-BE49-F238E27FC236}">
                <a16:creationId xmlns:a16="http://schemas.microsoft.com/office/drawing/2014/main" id="{3486232E-3E63-4EAE-B152-C5809BD51198}"/>
              </a:ext>
            </a:extLst>
          </p:cNvPr>
          <p:cNvSpPr/>
          <p:nvPr>
            <p:custDataLst>
              <p:tags r:id="rId209"/>
            </p:custDataLst>
          </p:nvPr>
        </p:nvSpPr>
        <p:spPr>
          <a:xfrm>
            <a:off x="2529799" y="5544778"/>
            <a:ext cx="25654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60" name="OTLSHAPE_T_34f23d2d5ddb4022b0565a0ba1a1df7b_ShapePercentage" hidden="1">
            <a:extLst>
              <a:ext uri="{FF2B5EF4-FFF2-40B4-BE49-F238E27FC236}">
                <a16:creationId xmlns:a16="http://schemas.microsoft.com/office/drawing/2014/main" id="{BC2BC900-7582-4FA1-A6E3-A796EDC2BEA2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>
            <a:off x="2529799" y="5544778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61" name="OTLSHAPE_T_34f23d2d5ddb4022b0565a0ba1a1df7b_Duration" hidden="1">
            <a:extLst>
              <a:ext uri="{FF2B5EF4-FFF2-40B4-BE49-F238E27FC236}">
                <a16:creationId xmlns:a16="http://schemas.microsoft.com/office/drawing/2014/main" id="{A5A8337C-2F88-4242-9F76-BFA96EB223C7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0" y="5405247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914 days</a:t>
            </a:r>
          </a:p>
        </p:txBody>
      </p:sp>
      <p:sp>
        <p:nvSpPr>
          <p:cNvPr id="4462" name="OTLSHAPE_T_34f23d2d5ddb4022b0565a0ba1a1df7b_TextPercentage" hidden="1">
            <a:extLst>
              <a:ext uri="{FF2B5EF4-FFF2-40B4-BE49-F238E27FC236}">
                <a16:creationId xmlns:a16="http://schemas.microsoft.com/office/drawing/2014/main" id="{30349393-B993-4FBC-BD89-E2597CA4E9BF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0" y="55602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63" name="OTLSHAPE_T_34f23d2d5ddb4022b0565a0ba1a1df7b_StartDate" hidden="1">
            <a:extLst>
              <a:ext uri="{FF2B5EF4-FFF2-40B4-BE49-F238E27FC236}">
                <a16:creationId xmlns:a16="http://schemas.microsoft.com/office/drawing/2014/main" id="{842603C8-D6E3-4892-9562-C1A0D12FBC79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0" y="556027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64" name="OTLSHAPE_T_34f23d2d5ddb4022b0565a0ba1a1df7b_EndDate" hidden="1">
            <a:extLst>
              <a:ext uri="{FF2B5EF4-FFF2-40B4-BE49-F238E27FC236}">
                <a16:creationId xmlns:a16="http://schemas.microsoft.com/office/drawing/2014/main" id="{3F6086A9-B036-4ABD-8F4B-E1B295E381B5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0" y="556027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65" name="OTLSHAPE_T_34f23d2d5ddb4022b0565a0ba1a1df7b_Title">
            <a:extLst>
              <a:ext uri="{FF2B5EF4-FFF2-40B4-BE49-F238E27FC236}">
                <a16:creationId xmlns:a16="http://schemas.microsoft.com/office/drawing/2014/main" id="{42519C2F-4AB5-401C-BCD5-223108D1B2AC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2529799" y="5405247"/>
            <a:ext cx="191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6">
                <a:solidFill>
                  <a:schemeClr val="dk1"/>
                </a:solidFill>
                <a:latin typeface="Calibri" panose="020F0502020204030204" pitchFamily="34" charset="0"/>
              </a:rPr>
              <a:t>1st Czechoslovak Waterways Directorate</a:t>
            </a:r>
          </a:p>
        </p:txBody>
      </p:sp>
      <p:sp>
        <p:nvSpPr>
          <p:cNvPr id="4466" name="OTLSHAPE_T_34f23d2d5ddb4022b0565a0ba1a1df7b_JoinedDate">
            <a:extLst>
              <a:ext uri="{FF2B5EF4-FFF2-40B4-BE49-F238E27FC236}">
                <a16:creationId xmlns:a16="http://schemas.microsoft.com/office/drawing/2014/main" id="{FF301A87-2906-4066-8D08-5B177801A215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5140694" y="553851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4E67C8"/>
                </a:solidFill>
                <a:latin typeface="Calibri" panose="020F0502020204030204" pitchFamily="34" charset="0"/>
              </a:rPr>
              <a:t>1918 - 1949</a:t>
            </a:r>
          </a:p>
        </p:txBody>
      </p:sp>
      <p:sp>
        <p:nvSpPr>
          <p:cNvPr id="4467" name="OTLSHAPE_T_c17f4087c0ae40feb01bec90aa0b80f0_Shape">
            <a:extLst>
              <a:ext uri="{FF2B5EF4-FFF2-40B4-BE49-F238E27FC236}">
                <a16:creationId xmlns:a16="http://schemas.microsoft.com/office/drawing/2014/main" id="{1883F006-97A3-4F40-A135-103E3A627E82}"/>
              </a:ext>
            </a:extLst>
          </p:cNvPr>
          <p:cNvSpPr/>
          <p:nvPr>
            <p:custDataLst>
              <p:tags r:id="rId217"/>
            </p:custDataLst>
          </p:nvPr>
        </p:nvSpPr>
        <p:spPr>
          <a:xfrm>
            <a:off x="3817356" y="5722408"/>
            <a:ext cx="3429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68" name="OTLSHAPE_T_c17f4087c0ae40feb01bec90aa0b80f0_ShapePercentage" hidden="1">
            <a:extLst>
              <a:ext uri="{FF2B5EF4-FFF2-40B4-BE49-F238E27FC236}">
                <a16:creationId xmlns:a16="http://schemas.microsoft.com/office/drawing/2014/main" id="{CC8E0B1A-7FD5-4F3A-97FB-DEF287346E68}"/>
              </a:ext>
            </a:extLst>
          </p:cNvPr>
          <p:cNvSpPr/>
          <p:nvPr>
            <p:custDataLst>
              <p:tags r:id="rId218"/>
            </p:custDataLst>
          </p:nvPr>
        </p:nvSpPr>
        <p:spPr>
          <a:xfrm>
            <a:off x="3817356" y="572240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69" name="OTLSHAPE_T_c17f4087c0ae40feb01bec90aa0b80f0_Duration" hidden="1">
            <a:extLst>
              <a:ext uri="{FF2B5EF4-FFF2-40B4-BE49-F238E27FC236}">
                <a16:creationId xmlns:a16="http://schemas.microsoft.com/office/drawing/2014/main" id="{08AB0FB5-7856-44AC-ADA4-6A94EF3AEF53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0" y="5716143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44 days</a:t>
            </a:r>
          </a:p>
        </p:txBody>
      </p:sp>
      <p:sp>
        <p:nvSpPr>
          <p:cNvPr id="4470" name="OTLSHAPE_T_c17f4087c0ae40feb01bec90aa0b80f0_TextPercentage" hidden="1">
            <a:extLst>
              <a:ext uri="{FF2B5EF4-FFF2-40B4-BE49-F238E27FC236}">
                <a16:creationId xmlns:a16="http://schemas.microsoft.com/office/drawing/2014/main" id="{8B606BAE-536B-4F47-B038-C7747D04016A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0" y="58711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71" name="OTLSHAPE_T_c17f4087c0ae40feb01bec90aa0b80f0_StartDate" hidden="1">
            <a:extLst>
              <a:ext uri="{FF2B5EF4-FFF2-40B4-BE49-F238E27FC236}">
                <a16:creationId xmlns:a16="http://schemas.microsoft.com/office/drawing/2014/main" id="{524C8396-2F96-47D8-8BA0-8041D6CD90DA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0" y="587116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72" name="OTLSHAPE_T_c17f4087c0ae40feb01bec90aa0b80f0_EndDate" hidden="1">
            <a:extLst>
              <a:ext uri="{FF2B5EF4-FFF2-40B4-BE49-F238E27FC236}">
                <a16:creationId xmlns:a16="http://schemas.microsoft.com/office/drawing/2014/main" id="{EAA2D62B-DB57-4A36-937F-89A3539CCF87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0" y="587116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73" name="OTLSHAPE_T_c17f4087c0ae40feb01bec90aa0b80f0_Title">
            <a:extLst>
              <a:ext uri="{FF2B5EF4-FFF2-40B4-BE49-F238E27FC236}">
                <a16:creationId xmlns:a16="http://schemas.microsoft.com/office/drawing/2014/main" id="{C1BC2C60-1AD9-4478-AFDE-841D3EA046C3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2336409" y="5716143"/>
            <a:ext cx="1435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construction of the Bata Canal</a:t>
            </a:r>
            <a:endParaRPr lang="en-GB" sz="9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74" name="OTLSHAPE_T_c17f4087c0ae40feb01bec90aa0b80f0_JoinedDate">
            <a:extLst>
              <a:ext uri="{FF2B5EF4-FFF2-40B4-BE49-F238E27FC236}">
                <a16:creationId xmlns:a16="http://schemas.microsoft.com/office/drawing/2014/main" id="{59DEE69F-2236-4DBC-BCBE-F5C1CBB94010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4205990" y="5716143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4E67C8"/>
                </a:solidFill>
                <a:latin typeface="Calibri" panose="020F0502020204030204" pitchFamily="34" charset="0"/>
              </a:rPr>
              <a:t>1934 - 1938</a:t>
            </a:r>
          </a:p>
        </p:txBody>
      </p:sp>
      <p:sp>
        <p:nvSpPr>
          <p:cNvPr id="4475" name="OTLSHAPE_T_29cb216b0b83428ab90904c628f8ad7c_Shape">
            <a:extLst>
              <a:ext uri="{FF2B5EF4-FFF2-40B4-BE49-F238E27FC236}">
                <a16:creationId xmlns:a16="http://schemas.microsoft.com/office/drawing/2014/main" id="{7BC2A85C-1E78-4776-8ED1-E7941A2D82DA}"/>
              </a:ext>
            </a:extLst>
          </p:cNvPr>
          <p:cNvSpPr/>
          <p:nvPr>
            <p:custDataLst>
              <p:tags r:id="rId225"/>
            </p:custDataLst>
          </p:nvPr>
        </p:nvSpPr>
        <p:spPr>
          <a:xfrm>
            <a:off x="4155421" y="6033304"/>
            <a:ext cx="2286000" cy="127000"/>
          </a:xfrm>
          <a:prstGeom prst="chevron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76" name="OTLSHAPE_T_29cb216b0b83428ab90904c628f8ad7c_ShapePercentage" hidden="1">
            <a:extLst>
              <a:ext uri="{FF2B5EF4-FFF2-40B4-BE49-F238E27FC236}">
                <a16:creationId xmlns:a16="http://schemas.microsoft.com/office/drawing/2014/main" id="{28629A3B-CE16-439F-9DD3-75CA34B37A7A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4155421" y="6033304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77" name="OTLSHAPE_T_29cb216b0b83428ab90904c628f8ad7c_Duration" hidden="1">
            <a:extLst>
              <a:ext uri="{FF2B5EF4-FFF2-40B4-BE49-F238E27FC236}">
                <a16:creationId xmlns:a16="http://schemas.microsoft.com/office/drawing/2014/main" id="{014BB84E-8FB2-4CD4-8C7B-41F578C1B1EC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0" y="5893774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44 days</a:t>
            </a:r>
          </a:p>
        </p:txBody>
      </p:sp>
      <p:sp>
        <p:nvSpPr>
          <p:cNvPr id="4478" name="OTLSHAPE_T_29cb216b0b83428ab90904c628f8ad7c_TextPercentage" hidden="1">
            <a:extLst>
              <a:ext uri="{FF2B5EF4-FFF2-40B4-BE49-F238E27FC236}">
                <a16:creationId xmlns:a16="http://schemas.microsoft.com/office/drawing/2014/main" id="{AE904018-A458-4C36-BCBE-4A278D5C85DB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0" y="60487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79" name="OTLSHAPE_T_29cb216b0b83428ab90904c628f8ad7c_JoinedDate" hidden="1">
            <a:extLst>
              <a:ext uri="{FF2B5EF4-FFF2-40B4-BE49-F238E27FC236}">
                <a16:creationId xmlns:a16="http://schemas.microsoft.com/office/drawing/2014/main" id="{B1560C1C-96AA-4D24-BAB1-9A261C77FEF2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0" y="6048798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4E67C8"/>
                </a:solidFill>
                <a:latin typeface="Calibri" panose="020F0502020204030204" pitchFamily="34" charset="0"/>
              </a:rPr>
              <a:t>1938 - 1965</a:t>
            </a:r>
          </a:p>
        </p:txBody>
      </p:sp>
      <p:sp>
        <p:nvSpPr>
          <p:cNvPr id="4480" name="OTLSHAPE_T_29cb216b0b83428ab90904c628f8ad7c_StartDate" hidden="1">
            <a:extLst>
              <a:ext uri="{FF2B5EF4-FFF2-40B4-BE49-F238E27FC236}">
                <a16:creationId xmlns:a16="http://schemas.microsoft.com/office/drawing/2014/main" id="{943E0DB6-173C-4D14-B5F7-11CF219ECF0D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0" y="618832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81" name="OTLSHAPE_T_29cb216b0b83428ab90904c628f8ad7c_EndDate" hidden="1">
            <a:extLst>
              <a:ext uri="{FF2B5EF4-FFF2-40B4-BE49-F238E27FC236}">
                <a16:creationId xmlns:a16="http://schemas.microsoft.com/office/drawing/2014/main" id="{A7564789-DF19-4F78-A85F-982569B17EEC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0" y="618832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82" name="OTLSHAPE_T_29cb216b0b83428ab90904c628f8ad7c_Title">
            <a:extLst>
              <a:ext uri="{FF2B5EF4-FFF2-40B4-BE49-F238E27FC236}">
                <a16:creationId xmlns:a16="http://schemas.microsoft.com/office/drawing/2014/main" id="{E88D7FC7-252C-4098-AED9-C848B229CDFD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4155421" y="5893774"/>
            <a:ext cx="158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Coal transports on the Bata Canal</a:t>
            </a:r>
            <a:endParaRPr lang="en-GB" sz="9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83" name="OTLSHAPE_T_746ff7e3fef045dab2ba71e9a9c946f2_Shape">
            <a:extLst>
              <a:ext uri="{FF2B5EF4-FFF2-40B4-BE49-F238E27FC236}">
                <a16:creationId xmlns:a16="http://schemas.microsoft.com/office/drawing/2014/main" id="{B5E069E9-964C-47F9-9C9A-155B75A87488}"/>
              </a:ext>
            </a:extLst>
          </p:cNvPr>
          <p:cNvSpPr/>
          <p:nvPr>
            <p:custDataLst>
              <p:tags r:id="rId233"/>
            </p:custDataLst>
          </p:nvPr>
        </p:nvSpPr>
        <p:spPr>
          <a:xfrm>
            <a:off x="5083423" y="6204670"/>
            <a:ext cx="1435100" cy="1270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84" name="OTLSHAPE_T_746ff7e3fef045dab2ba71e9a9c946f2_ShapePercentage" hidden="1">
            <a:extLst>
              <a:ext uri="{FF2B5EF4-FFF2-40B4-BE49-F238E27FC236}">
                <a16:creationId xmlns:a16="http://schemas.microsoft.com/office/drawing/2014/main" id="{3D6201E9-F2D9-47AA-BE09-BFE38564A498}"/>
              </a:ext>
            </a:extLst>
          </p:cNvPr>
          <p:cNvSpPr/>
          <p:nvPr>
            <p:custDataLst>
              <p:tags r:id="rId234"/>
            </p:custDataLst>
          </p:nvPr>
        </p:nvSpPr>
        <p:spPr>
          <a:xfrm>
            <a:off x="5083423" y="620467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85" name="OTLSHAPE_T_746ff7e3fef045dab2ba71e9a9c946f2_Duration" hidden="1">
            <a:extLst>
              <a:ext uri="{FF2B5EF4-FFF2-40B4-BE49-F238E27FC236}">
                <a16:creationId xmlns:a16="http://schemas.microsoft.com/office/drawing/2014/main" id="{CA74BD6C-2826-4ACD-88A5-87263E461D06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0" y="6198404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435 days</a:t>
            </a:r>
          </a:p>
        </p:txBody>
      </p:sp>
      <p:sp>
        <p:nvSpPr>
          <p:cNvPr id="4486" name="OTLSHAPE_T_746ff7e3fef045dab2ba71e9a9c946f2_TextPercentage" hidden="1">
            <a:extLst>
              <a:ext uri="{FF2B5EF4-FFF2-40B4-BE49-F238E27FC236}">
                <a16:creationId xmlns:a16="http://schemas.microsoft.com/office/drawing/2014/main" id="{99DB9387-624A-47DC-B1A4-19D5F4084DAF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0" y="6353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87" name="OTLSHAPE_T_746ff7e3fef045dab2ba71e9a9c946f2_StartDate" hidden="1">
            <a:extLst>
              <a:ext uri="{FF2B5EF4-FFF2-40B4-BE49-F238E27FC236}">
                <a16:creationId xmlns:a16="http://schemas.microsoft.com/office/drawing/2014/main" id="{EA451C9D-2A39-4894-B530-5D535CEDD90C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0" y="635342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88" name="OTLSHAPE_T_746ff7e3fef045dab2ba71e9a9c946f2_EndDate" hidden="1">
            <a:extLst>
              <a:ext uri="{FF2B5EF4-FFF2-40B4-BE49-F238E27FC236}">
                <a16:creationId xmlns:a16="http://schemas.microsoft.com/office/drawing/2014/main" id="{A498C5E3-696A-4B3C-89D0-C7D29CB725B3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0" y="635342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89" name="OTLSHAPE_T_746ff7e3fef045dab2ba71e9a9c946f2_Title">
            <a:extLst>
              <a:ext uri="{FF2B5EF4-FFF2-40B4-BE49-F238E27FC236}">
                <a16:creationId xmlns:a16="http://schemas.microsoft.com/office/drawing/2014/main" id="{171335A3-3FCB-4F72-912D-5B69049CC45A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1884293" y="6198404"/>
            <a:ext cx="314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IWT infrastructure under the responsibility of national committees</a:t>
            </a:r>
            <a:endParaRPr lang="en-GB" sz="9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90" name="OTLSHAPE_T_746ff7e3fef045dab2ba71e9a9c946f2_JoinedDate">
            <a:extLst>
              <a:ext uri="{FF2B5EF4-FFF2-40B4-BE49-F238E27FC236}">
                <a16:creationId xmlns:a16="http://schemas.microsoft.com/office/drawing/2014/main" id="{D5D0A9E3-FB45-4919-BEE1-DD7332055660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6568977" y="619840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4E67C8"/>
                </a:solidFill>
                <a:latin typeface="Calibri" panose="020F0502020204030204" pitchFamily="34" charset="0"/>
              </a:rPr>
              <a:t>1949 - 1966</a:t>
            </a:r>
          </a:p>
        </p:txBody>
      </p:sp>
      <p:sp>
        <p:nvSpPr>
          <p:cNvPr id="4491" name="OTLSHAPE_T_9f732fb39a6c430689665fbffcb7a36e_Shape">
            <a:extLst>
              <a:ext uri="{FF2B5EF4-FFF2-40B4-BE49-F238E27FC236}">
                <a16:creationId xmlns:a16="http://schemas.microsoft.com/office/drawing/2014/main" id="{90BB55F7-745D-4AB7-83DC-992A19026D78}"/>
              </a:ext>
            </a:extLst>
          </p:cNvPr>
          <p:cNvSpPr/>
          <p:nvPr>
            <p:custDataLst>
              <p:tags r:id="rId241"/>
            </p:custDataLst>
          </p:nvPr>
        </p:nvSpPr>
        <p:spPr>
          <a:xfrm>
            <a:off x="6517946" y="6515566"/>
            <a:ext cx="4495800" cy="127000"/>
          </a:xfrm>
          <a:prstGeom prst="chevron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92" name="OTLSHAPE_T_9f732fb39a6c430689665fbffcb7a36e_ShapePercentage" hidden="1">
            <a:extLst>
              <a:ext uri="{FF2B5EF4-FFF2-40B4-BE49-F238E27FC236}">
                <a16:creationId xmlns:a16="http://schemas.microsoft.com/office/drawing/2014/main" id="{5D0FDA52-AC56-4C04-B577-040A8649F2C8}"/>
              </a:ext>
            </a:extLst>
          </p:cNvPr>
          <p:cNvSpPr/>
          <p:nvPr>
            <p:custDataLst>
              <p:tags r:id="rId242"/>
            </p:custDataLst>
          </p:nvPr>
        </p:nvSpPr>
        <p:spPr>
          <a:xfrm>
            <a:off x="6517946" y="6515566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93" name="OTLSHAPE_T_9f732fb39a6c430689665fbffcb7a36e_Duration" hidden="1">
            <a:extLst>
              <a:ext uri="{FF2B5EF4-FFF2-40B4-BE49-F238E27FC236}">
                <a16:creationId xmlns:a16="http://schemas.microsoft.com/office/drawing/2014/main" id="{26A80F59-B0F1-40D8-BCDB-A99C46CCF660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0" y="6376035"/>
            <a:ext cx="584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3890 days</a:t>
            </a:r>
          </a:p>
        </p:txBody>
      </p:sp>
      <p:sp>
        <p:nvSpPr>
          <p:cNvPr id="4494" name="OTLSHAPE_T_9f732fb39a6c430689665fbffcb7a36e_TextPercentage" hidden="1">
            <a:extLst>
              <a:ext uri="{FF2B5EF4-FFF2-40B4-BE49-F238E27FC236}">
                <a16:creationId xmlns:a16="http://schemas.microsoft.com/office/drawing/2014/main" id="{6B8E7086-56B1-405E-9E2C-2AC36D7F6750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0" y="65310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95" name="OTLSHAPE_T_9f732fb39a6c430689665fbffcb7a36e_StartDate" hidden="1">
            <a:extLst>
              <a:ext uri="{FF2B5EF4-FFF2-40B4-BE49-F238E27FC236}">
                <a16:creationId xmlns:a16="http://schemas.microsoft.com/office/drawing/2014/main" id="{BA10D52B-3DCF-438D-A4F5-281882F801E4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0" y="653105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96" name="OTLSHAPE_T_9f732fb39a6c430689665fbffcb7a36e_EndDate" hidden="1">
            <a:extLst>
              <a:ext uri="{FF2B5EF4-FFF2-40B4-BE49-F238E27FC236}">
                <a16:creationId xmlns:a16="http://schemas.microsoft.com/office/drawing/2014/main" id="{F248E0D0-BF0E-473C-B4C3-983B5BDC4BAB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0" y="653105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497" name="OTLSHAPE_T_9f732fb39a6c430689665fbffcb7a36e_Title">
            <a:extLst>
              <a:ext uri="{FF2B5EF4-FFF2-40B4-BE49-F238E27FC236}">
                <a16:creationId xmlns:a16="http://schemas.microsoft.com/office/drawing/2014/main" id="{BAA9D681-4D7C-4FE7-981B-7DF563492247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6517946" y="6376035"/>
            <a:ext cx="1663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6">
                <a:solidFill>
                  <a:schemeClr val="dk1"/>
                </a:solidFill>
                <a:latin typeface="Calibri" panose="020F0502020204030204" pitchFamily="34" charset="0"/>
              </a:rPr>
              <a:t>Water Basin Managements created</a:t>
            </a:r>
          </a:p>
        </p:txBody>
      </p:sp>
      <p:sp>
        <p:nvSpPr>
          <p:cNvPr id="4498" name="OTLSHAPE_T_9f732fb39a6c430689665fbffcb7a36e_JoinedDate">
            <a:extLst>
              <a:ext uri="{FF2B5EF4-FFF2-40B4-BE49-F238E27FC236}">
                <a16:creationId xmlns:a16="http://schemas.microsoft.com/office/drawing/2014/main" id="{98947D88-8254-49A5-AC14-FDF1D7CC483D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1062487" y="6509300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4E67C8"/>
                </a:solidFill>
                <a:latin typeface="Calibri" panose="020F0502020204030204" pitchFamily="34" charset="0"/>
              </a:rPr>
              <a:t>1966 - 2019</a:t>
            </a:r>
          </a:p>
        </p:txBody>
      </p:sp>
      <p:sp>
        <p:nvSpPr>
          <p:cNvPr id="4499" name="OTLSHAPE_T_7e63ae4b863a43ec9ef0765276c34c76_Shape">
            <a:extLst>
              <a:ext uri="{FF2B5EF4-FFF2-40B4-BE49-F238E27FC236}">
                <a16:creationId xmlns:a16="http://schemas.microsoft.com/office/drawing/2014/main" id="{879052FB-1D85-4B17-8748-3CE5B660E22D}"/>
              </a:ext>
            </a:extLst>
          </p:cNvPr>
          <p:cNvSpPr/>
          <p:nvPr>
            <p:custDataLst>
              <p:tags r:id="rId249"/>
            </p:custDataLst>
          </p:nvPr>
        </p:nvSpPr>
        <p:spPr>
          <a:xfrm>
            <a:off x="8965737" y="6693196"/>
            <a:ext cx="20574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500" name="OTLSHAPE_T_7e63ae4b863a43ec9ef0765276c34c76_ShapePercentage" hidden="1">
            <a:extLst>
              <a:ext uri="{FF2B5EF4-FFF2-40B4-BE49-F238E27FC236}">
                <a16:creationId xmlns:a16="http://schemas.microsoft.com/office/drawing/2014/main" id="{8A910128-F1FD-4FBE-8359-91BDB0BC53D2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8965737" y="6693196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501" name="OTLSHAPE_T_7e63ae4b863a43ec9ef0765276c34c76_Duration" hidden="1">
            <a:extLst>
              <a:ext uri="{FF2B5EF4-FFF2-40B4-BE49-F238E27FC236}">
                <a16:creationId xmlns:a16="http://schemas.microsoft.com/office/drawing/2014/main" id="{EE5B6A36-D94A-4564-AA6E-CA48088E17E5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0" y="6686931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325 days</a:t>
            </a:r>
          </a:p>
        </p:txBody>
      </p:sp>
      <p:sp>
        <p:nvSpPr>
          <p:cNvPr id="4502" name="OTLSHAPE_T_7e63ae4b863a43ec9ef0765276c34c76_TextPercentage" hidden="1">
            <a:extLst>
              <a:ext uri="{FF2B5EF4-FFF2-40B4-BE49-F238E27FC236}">
                <a16:creationId xmlns:a16="http://schemas.microsoft.com/office/drawing/2014/main" id="{77CCB3B0-E994-4EBC-8352-2CC6274BEF24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0" y="6841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03" name="OTLSHAPE_T_7e63ae4b863a43ec9ef0765276c34c76_StartDate" hidden="1">
            <a:extLst>
              <a:ext uri="{FF2B5EF4-FFF2-40B4-BE49-F238E27FC236}">
                <a16:creationId xmlns:a16="http://schemas.microsoft.com/office/drawing/2014/main" id="{F5EDD54E-E71D-44AE-8346-9713FF86923E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0" y="684195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504" name="OTLSHAPE_T_7e63ae4b863a43ec9ef0765276c34c76_EndDate" hidden="1">
            <a:extLst>
              <a:ext uri="{FF2B5EF4-FFF2-40B4-BE49-F238E27FC236}">
                <a16:creationId xmlns:a16="http://schemas.microsoft.com/office/drawing/2014/main" id="{3C5A1367-FCE9-40E7-B038-7A923E3720A9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0" y="684195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rgbClr val="4E67C8"/>
              </a:solidFill>
              <a:latin typeface="Calibri" panose="020F0502020204030204" pitchFamily="34" charset="0"/>
            </a:endParaRPr>
          </a:p>
        </p:txBody>
      </p:sp>
      <p:sp>
        <p:nvSpPr>
          <p:cNvPr id="4505" name="OTLSHAPE_T_7e63ae4b863a43ec9ef0765276c34c76_Title">
            <a:extLst>
              <a:ext uri="{FF2B5EF4-FFF2-40B4-BE49-F238E27FC236}">
                <a16:creationId xmlns:a16="http://schemas.microsoft.com/office/drawing/2014/main" id="{7BAE452F-25DE-4A89-BBE3-3FEFFBAE02E9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6386833" y="6686931"/>
            <a:ext cx="2540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recreation and passenger transport on the Bata Canal</a:t>
            </a:r>
            <a:endParaRPr lang="en-GB" sz="9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06" name="OTLSHAPE_T_7e63ae4b863a43ec9ef0765276c34c76_JoinedDate">
            <a:extLst>
              <a:ext uri="{FF2B5EF4-FFF2-40B4-BE49-F238E27FC236}">
                <a16:creationId xmlns:a16="http://schemas.microsoft.com/office/drawing/2014/main" id="{A4301DDB-AF3E-4681-BAC5-B00661399FE2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11062487" y="668693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4E67C8"/>
                </a:solidFill>
                <a:latin typeface="Calibri" panose="020F0502020204030204" pitchFamily="34" charset="0"/>
              </a:rPr>
              <a:t>1995 - 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3865671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66400435-F2C7-4E65-9B61-25ADE2346D9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941120693"/>
              </p:ext>
            </p:extLst>
          </p:nvPr>
        </p:nvGraphicFramePr>
        <p:xfrm>
          <a:off x="1" y="0"/>
          <a:ext cx="12192000" cy="6858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58C3C419-AFE4-4315-970F-EF339008E2B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435087333"/>
              </p:ext>
            </p:extLst>
          </p:nvPr>
        </p:nvGraphicFramePr>
        <p:xfrm>
          <a:off x="90775" y="3473908"/>
          <a:ext cx="3901353" cy="330244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78D57F0C-048D-40B8-9329-19855804A3F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58529772"/>
              </p:ext>
            </p:extLst>
          </p:nvPr>
        </p:nvGraphicFramePr>
        <p:xfrm>
          <a:off x="3500337" y="259846"/>
          <a:ext cx="4304803" cy="29542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3" r:lo="rId14" r:qs="rId15" r:cs="rId16"/>
          </a:graphicData>
        </a:graphic>
      </p:graphicFrame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2C57EDD4-011D-4450-A9E7-721383872EA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586291394"/>
              </p:ext>
            </p:extLst>
          </p:nvPr>
        </p:nvGraphicFramePr>
        <p:xfrm>
          <a:off x="7984255" y="2602525"/>
          <a:ext cx="4386861" cy="333605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8" r:lo="rId19" r:qs="rId20" r:cs="rId21"/>
          </a:graphicData>
        </a:graphic>
      </p:graphicFrame>
    </p:spTree>
    <p:extLst>
      <p:ext uri="{BB962C8B-B14F-4D97-AF65-F5344CB8AC3E}">
        <p14:creationId xmlns:p14="http://schemas.microsoft.com/office/powerpoint/2010/main" val="39572848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500"/>
                            </p:stCondLst>
                            <p:childTnLst>
                              <p:par>
                                <p:cTn id="21" presetID="10" presetClass="entr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1000"/>
                            </p:stCondLst>
                            <p:childTnLst>
                              <p:par>
                                <p:cTn id="25" presetID="10" presetClass="entr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4" grpId="0">
        <p:bldAsOne/>
      </p:bldGraphic>
      <p:bldGraphic spid="4" grpId="1">
        <p:bldAsOne/>
      </p:bldGraphic>
      <p:bldGraphic spid="5" grpId="0">
        <p:bldAsOne/>
      </p:bldGraphic>
      <p:bldGraphic spid="5" grpId="1">
        <p:bldAsOne/>
      </p:bldGraphic>
      <p:bldGraphic spid="6" grpId="0">
        <p:bldAsOne/>
      </p:bldGraphic>
      <p:bldGraphic spid="6" grpId="1">
        <p:bldAsOne/>
      </p:bldGraphic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 idx="4294967295"/>
          </p:nvPr>
        </p:nvSpPr>
        <p:spPr>
          <a:xfrm>
            <a:off x="3287714" y="-26988"/>
            <a:ext cx="7312025" cy="1143001"/>
          </a:xfrm>
        </p:spPr>
        <p:txBody>
          <a:bodyPr/>
          <a:lstStyle/>
          <a:p>
            <a:pPr eaLnBrk="1" hangingPunct="1">
              <a:defRPr/>
            </a:pPr>
            <a:r>
              <a:rPr lang="en-GB" sz="1800" dirty="0"/>
              <a:t>East – East </a:t>
            </a:r>
            <a:r>
              <a:rPr lang="en-GB" sz="1800" dirty="0" err="1"/>
              <a:t>Mediteranean</a:t>
            </a:r>
            <a:r>
              <a:rPr lang="en-GB" sz="1800" dirty="0"/>
              <a:t> corridor of the core TEN-T network</a:t>
            </a:r>
            <a:endParaRPr lang="en-GB" sz="1800" dirty="0">
              <a:solidFill>
                <a:srgbClr val="FFFFFF"/>
              </a:solidFill>
              <a:ea typeface="+mn-ea"/>
              <a:cs typeface="Arial" panose="020B0604020202020204" pitchFamily="34" charset="0"/>
            </a:endParaRPr>
          </a:p>
        </p:txBody>
      </p:sp>
      <p:sp>
        <p:nvSpPr>
          <p:cNvPr id="19" name="Rectangle 11"/>
          <p:cNvSpPr>
            <a:spLocks noChangeArrowheads="1"/>
          </p:cNvSpPr>
          <p:nvPr/>
        </p:nvSpPr>
        <p:spPr bwMode="auto">
          <a:xfrm>
            <a:off x="5315824" y="1116013"/>
            <a:ext cx="4956641" cy="43731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Tahoma" panose="020B060403050404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Tahoma" panose="020B060403050404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Tahoma" panose="020B060403050404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Tahoma" panose="020B060403050404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Tahoma" panose="020B060403050404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ahoma" panose="020B060403050404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ahoma" panose="020B060403050404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ahoma" panose="020B060403050404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ahoma" panose="020B0604030504040204" pitchFamily="34" charset="0"/>
              </a:defRPr>
            </a:lvl9pPr>
          </a:lstStyle>
          <a:p>
            <a:pPr marL="0" indent="0">
              <a:buNone/>
            </a:pPr>
            <a:r>
              <a:rPr lang="en-GB" altLang="cs-CZ" sz="2000" b="1">
                <a:solidFill>
                  <a:srgbClr val="002060"/>
                </a:solidFill>
              </a:rPr>
              <a:t>Strategic corridor bottlenecks:</a:t>
            </a:r>
          </a:p>
          <a:p>
            <a:pPr>
              <a:buFontTx/>
              <a:buChar char="-"/>
            </a:pPr>
            <a:r>
              <a:rPr lang="en-GB" altLang="cs-CZ" sz="2000">
                <a:solidFill>
                  <a:srgbClr val="002060"/>
                </a:solidFill>
              </a:rPr>
              <a:t>Unstabile draughts on Elbe, as cross-border issue CZ/BRD</a:t>
            </a:r>
          </a:p>
          <a:p>
            <a:pPr>
              <a:buFontTx/>
              <a:buChar char="-"/>
            </a:pPr>
            <a:endParaRPr lang="en-GB" altLang="cs-CZ" sz="2000">
              <a:solidFill>
                <a:srgbClr val="002060"/>
              </a:solidFill>
            </a:endParaRPr>
          </a:p>
          <a:p>
            <a:pPr marL="0" indent="0">
              <a:buNone/>
            </a:pPr>
            <a:r>
              <a:rPr lang="en-GB" altLang="cs-CZ" sz="2000">
                <a:solidFill>
                  <a:srgbClr val="002060"/>
                </a:solidFill>
              </a:rPr>
              <a:t>Other bottlenecks:</a:t>
            </a:r>
          </a:p>
          <a:p>
            <a:pPr>
              <a:buFontTx/>
              <a:buChar char="-"/>
            </a:pPr>
            <a:r>
              <a:rPr lang="en-GB" altLang="cs-CZ" sz="2000">
                <a:solidFill>
                  <a:srgbClr val="002060"/>
                </a:solidFill>
              </a:rPr>
              <a:t>Connection to Pardubice and Hradec Králové aglomeration and improvement of waterway to Prague</a:t>
            </a:r>
          </a:p>
          <a:p>
            <a:pPr>
              <a:buFontTx/>
              <a:buChar char="-"/>
            </a:pPr>
            <a:r>
              <a:rPr lang="en-GB" altLang="cs-CZ" sz="2000">
                <a:solidFill>
                  <a:srgbClr val="002060"/>
                </a:solidFill>
              </a:rPr>
              <a:t>Low navigation draughts and clearances under bruidges on Vltava to Prague</a:t>
            </a:r>
          </a:p>
          <a:p>
            <a:pPr>
              <a:buFontTx/>
              <a:buChar char="-"/>
            </a:pPr>
            <a:r>
              <a:rPr lang="en-GB" altLang="cs-CZ" sz="2000">
                <a:solidFill>
                  <a:srgbClr val="002060"/>
                </a:solidFill>
              </a:rPr>
              <a:t>Unsatisfactory performance of lock chambers</a:t>
            </a:r>
          </a:p>
          <a:p>
            <a:pPr>
              <a:buFontTx/>
              <a:buChar char="-"/>
            </a:pPr>
            <a:r>
              <a:rPr lang="en-GB" altLang="cs-CZ" sz="2000">
                <a:solidFill>
                  <a:srgbClr val="002060"/>
                </a:solidFill>
              </a:rPr>
              <a:t>Unfinished implementation of RIS and cross border data exchange with BRD</a:t>
            </a:r>
          </a:p>
          <a:p>
            <a:pPr marL="0" indent="0">
              <a:buNone/>
            </a:pPr>
            <a:endParaRPr lang="en-GB" altLang="cs-CZ" sz="2000">
              <a:solidFill>
                <a:srgbClr val="002060"/>
              </a:solidFill>
            </a:endParaRPr>
          </a:p>
        </p:txBody>
      </p:sp>
      <p:pic>
        <p:nvPicPr>
          <p:cNvPr id="5" name="Obrázek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2960" y="792632"/>
            <a:ext cx="4332477" cy="4115889"/>
          </a:xfrm>
          <a:prstGeom prst="rect">
            <a:avLst/>
          </a:prstGeom>
        </p:spPr>
      </p:pic>
      <p:pic>
        <p:nvPicPr>
          <p:cNvPr id="6" name="Obrázek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2960" y="5046699"/>
            <a:ext cx="4332477" cy="1143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4521064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Obrázek 2">
            <a:extLst>
              <a:ext uri="{FF2B5EF4-FFF2-40B4-BE49-F238E27FC236}">
                <a16:creationId xmlns:a16="http://schemas.microsoft.com/office/drawing/2014/main" id="{4B173481-BA33-4CD0-A6CB-672E2B22439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40116"/>
            <a:ext cx="12192000" cy="5115034"/>
          </a:xfrm>
          <a:prstGeom prst="rect">
            <a:avLst/>
          </a:prstGeom>
        </p:spPr>
      </p:pic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39CD0A0B-1999-4C8E-8585-8CDAC78184B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29209526"/>
              </p:ext>
            </p:extLst>
          </p:nvPr>
        </p:nvGraphicFramePr>
        <p:xfrm>
          <a:off x="3328416" y="3145536"/>
          <a:ext cx="5535168" cy="380390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2303977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graphicEl>
                                              <a:dgm id="{E146BB69-79C5-485F-B90D-67F5850A919E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2000"/>
                                        <p:tgtEl>
                                          <p:spTgt spid="4">
                                            <p:graphicEl>
                                              <a:dgm id="{E146BB69-79C5-485F-B90D-67F5850A919E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graphicEl>
                                              <a:dgm id="{64A7BE52-A243-4562-9363-5502E99F0A8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" dur="2000"/>
                                        <p:tgtEl>
                                          <p:spTgt spid="4">
                                            <p:graphicEl>
                                              <a:dgm id="{64A7BE52-A243-4562-9363-5502E99F0A8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graphicEl>
                                              <a:dgm id="{19A286B6-8F5C-485B-8E95-0E86B25D98E7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3" dur="2000"/>
                                        <p:tgtEl>
                                          <p:spTgt spid="4">
                                            <p:graphicEl>
                                              <a:dgm id="{19A286B6-8F5C-485B-8E95-0E86B25D98E7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000"/>
                            </p:stCondLst>
                            <p:childTnLst>
                              <p:par>
                                <p:cTn id="1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graphicEl>
                                              <a:dgm id="{4547E08B-C41C-4195-9BFC-A6F7B43819C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7" dur="2000"/>
                                        <p:tgtEl>
                                          <p:spTgt spid="4">
                                            <p:graphicEl>
                                              <a:dgm id="{4547E08B-C41C-4195-9BFC-A6F7B43819C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4" grpId="0" uiExpand="1">
        <p:bldSub>
          <a:bldDgm bld="one"/>
        </p:bldSub>
      </p:bldGraphic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Obrázek 16">
            <a:extLst>
              <a:ext uri="{FF2B5EF4-FFF2-40B4-BE49-F238E27FC236}">
                <a16:creationId xmlns:a16="http://schemas.microsoft.com/office/drawing/2014/main" id="{3C8614BC-C5D7-4FEB-AEC8-E8CEFFD9DAF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36836" y="2734611"/>
            <a:ext cx="689779" cy="694388"/>
          </a:xfrm>
          <a:prstGeom prst="rect">
            <a:avLst/>
          </a:prstGeom>
          <a:ln w="34925">
            <a:solidFill>
              <a:srgbClr val="FFFFFF"/>
            </a:solidFill>
          </a:ln>
          <a:effectLst>
            <a:outerShdw blurRad="317500" dir="2700000" algn="ctr">
              <a:srgbClr val="000000">
                <a:alpha val="43000"/>
              </a:srgbClr>
            </a:outerShdw>
          </a:effectLst>
          <a:scene3d>
            <a:camera prst="perspectiveFront" fov="2700000">
              <a:rot lat="19086000" lon="19067999" rev="3108000"/>
            </a:camera>
            <a:lightRig rig="threePt" dir="t">
              <a:rot lat="0" lon="0" rev="0"/>
            </a:lightRig>
          </a:scene3d>
          <a:sp3d extrusionH="38100" prstMaterial="clear">
            <a:bevelT w="260350" h="50800" prst="softRound"/>
            <a:bevelB prst="softRound"/>
          </a:sp3d>
        </p:spPr>
      </p:pic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A841AC59-D9A1-4BDE-862D-71B73B8685B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822989494"/>
              </p:ext>
            </p:extLst>
          </p:nvPr>
        </p:nvGraphicFramePr>
        <p:xfrm>
          <a:off x="571078" y="991112"/>
          <a:ext cx="10128738" cy="48757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11" name="Šipka: doprava 10">
            <a:extLst>
              <a:ext uri="{FF2B5EF4-FFF2-40B4-BE49-F238E27FC236}">
                <a16:creationId xmlns:a16="http://schemas.microsoft.com/office/drawing/2014/main" id="{69BFD3D2-F34C-4BD2-BCF1-1DE228F8D689}"/>
              </a:ext>
            </a:extLst>
          </p:cNvPr>
          <p:cNvSpPr/>
          <p:nvPr/>
        </p:nvSpPr>
        <p:spPr>
          <a:xfrm rot="21416096">
            <a:off x="8799383" y="1855932"/>
            <a:ext cx="2157380" cy="2975780"/>
          </a:xfrm>
          <a:prstGeom prst="rightArrow">
            <a:avLst/>
          </a:prstGeom>
          <a:solidFill>
            <a:srgbClr val="3A6095"/>
          </a:solidFill>
          <a:ln>
            <a:noFill/>
          </a:ln>
          <a:effectLst>
            <a:outerShdw blurRad="225425" dist="50800" dir="5220000" algn="ctr">
              <a:srgbClr val="000000">
                <a:alpha val="33000"/>
              </a:srgbClr>
            </a:outerShdw>
          </a:effectLst>
          <a:scene3d>
            <a:camera prst="perspectiveFront" fov="3300000">
              <a:rot lat="486000" lon="19530000" rev="174000"/>
            </a:camera>
            <a:lightRig rig="harsh" dir="t">
              <a:rot lat="0" lon="0" rev="3000000"/>
            </a:lightRig>
          </a:scene3d>
          <a:sp3d extrusionH="254000" contourW="19050">
            <a:bevelT w="82550" h="44450" prst="angle"/>
            <a:bevelB w="82550" h="44450" prst="angle"/>
            <a:contourClr>
              <a:srgbClr val="FFFFFF"/>
            </a:contourClr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13" name="Grafický objekt 12" descr="Značka">
            <a:extLst>
              <a:ext uri="{FF2B5EF4-FFF2-40B4-BE49-F238E27FC236}">
                <a16:creationId xmlns:a16="http://schemas.microsoft.com/office/drawing/2014/main" id="{0604E2C4-FE0D-433F-B606-0EF3BD486863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10504885" y="1622020"/>
            <a:ext cx="1710397" cy="1710397"/>
          </a:xfrm>
          <a:prstGeom prst="rect">
            <a:avLst/>
          </a:prstGeom>
          <a:ln>
            <a:noFill/>
          </a:ln>
          <a:effectLst>
            <a:outerShdw blurRad="184150" dist="241300" dir="11520000" sx="110000" sy="110000" algn="ctr">
              <a:srgbClr val="000000">
                <a:alpha val="18000"/>
              </a:srgbClr>
            </a:outerShdw>
          </a:effectLst>
          <a:scene3d>
            <a:camera prst="perspectiveFront" fov="5100000">
              <a:rot lat="0" lon="2100000" rev="0"/>
            </a:camera>
            <a:lightRig rig="flood" dir="t">
              <a:rot lat="0" lon="0" rev="13800000"/>
            </a:lightRig>
          </a:scene3d>
          <a:sp3d extrusionH="107950" prstMaterial="plastic">
            <a:bevelT w="82550" h="63500" prst="divot"/>
            <a:bevelB/>
          </a:sp3d>
        </p:spPr>
      </p:pic>
    </p:spTree>
    <p:extLst>
      <p:ext uri="{BB962C8B-B14F-4D97-AF65-F5344CB8AC3E}">
        <p14:creationId xmlns:p14="http://schemas.microsoft.com/office/powerpoint/2010/main" val="227933757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11">
            <a:extLst>
              <a:ext uri="{FF2B5EF4-FFF2-40B4-BE49-F238E27FC236}">
                <a16:creationId xmlns:a16="http://schemas.microsoft.com/office/drawing/2014/main" id="{57845966-6EFC-468A-9CC7-BAB4B95854E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54372" y="0"/>
            <a:ext cx="9483256" cy="6858000"/>
          </a:xfrm>
          <a:prstGeom prst="rect">
            <a:avLst/>
          </a:prstGeom>
          <a:solidFill>
            <a:srgbClr val="303E5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5" name="Picture 13">
            <a:extLst>
              <a:ext uri="{FF2B5EF4-FFF2-40B4-BE49-F238E27FC236}">
                <a16:creationId xmlns:a16="http://schemas.microsoft.com/office/drawing/2014/main" id="{75554383-98AF-4A47-BB65-705FAAA4BE6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7" name="Freeform: Shape 15">
            <a:extLst>
              <a:ext uri="{FF2B5EF4-FFF2-40B4-BE49-F238E27FC236}">
                <a16:creationId xmlns:a16="http://schemas.microsoft.com/office/drawing/2014/main" id="{ADAD1991-FFD1-4E94-ABAB-7560D33008E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2144484" y="0"/>
            <a:ext cx="7837716" cy="6858000"/>
          </a:xfrm>
          <a:custGeom>
            <a:avLst/>
            <a:gdLst>
              <a:gd name="connsiteX0" fmla="*/ 2232159 w 7837716"/>
              <a:gd name="connsiteY0" fmla="*/ 0 h 6858000"/>
              <a:gd name="connsiteX1" fmla="*/ 5605557 w 7837716"/>
              <a:gd name="connsiteY1" fmla="*/ 0 h 6858000"/>
              <a:gd name="connsiteX2" fmla="*/ 5617845 w 7837716"/>
              <a:gd name="connsiteY2" fmla="*/ 5384 h 6858000"/>
              <a:gd name="connsiteX3" fmla="*/ 7837716 w 7837716"/>
              <a:gd name="connsiteY3" fmla="*/ 3429000 h 6858000"/>
              <a:gd name="connsiteX4" fmla="*/ 5617845 w 7837716"/>
              <a:gd name="connsiteY4" fmla="*/ 6852616 h 6858000"/>
              <a:gd name="connsiteX5" fmla="*/ 5605557 w 7837716"/>
              <a:gd name="connsiteY5" fmla="*/ 6858000 h 6858000"/>
              <a:gd name="connsiteX6" fmla="*/ 2232159 w 7837716"/>
              <a:gd name="connsiteY6" fmla="*/ 6858000 h 6858000"/>
              <a:gd name="connsiteX7" fmla="*/ 2219871 w 7837716"/>
              <a:gd name="connsiteY7" fmla="*/ 6852616 h 6858000"/>
              <a:gd name="connsiteX8" fmla="*/ 0 w 7837716"/>
              <a:gd name="connsiteY8" fmla="*/ 3429000 h 6858000"/>
              <a:gd name="connsiteX9" fmla="*/ 2219871 w 7837716"/>
              <a:gd name="connsiteY9" fmla="*/ 5384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7837716" h="6858000">
                <a:moveTo>
                  <a:pt x="2232159" y="0"/>
                </a:moveTo>
                <a:lnTo>
                  <a:pt x="5605557" y="0"/>
                </a:lnTo>
                <a:lnTo>
                  <a:pt x="5617845" y="5384"/>
                </a:lnTo>
                <a:cubicBezTo>
                  <a:pt x="6931322" y="618789"/>
                  <a:pt x="7837716" y="1921305"/>
                  <a:pt x="7837716" y="3429000"/>
                </a:cubicBezTo>
                <a:cubicBezTo>
                  <a:pt x="7837716" y="4936696"/>
                  <a:pt x="6931322" y="6239212"/>
                  <a:pt x="5617845" y="6852616"/>
                </a:cubicBezTo>
                <a:lnTo>
                  <a:pt x="5605557" y="6858000"/>
                </a:lnTo>
                <a:lnTo>
                  <a:pt x="2232159" y="6858000"/>
                </a:lnTo>
                <a:lnTo>
                  <a:pt x="2219871" y="6852616"/>
                </a:lnTo>
                <a:cubicBezTo>
                  <a:pt x="906394" y="6239212"/>
                  <a:pt x="0" y="4936696"/>
                  <a:pt x="0" y="3429000"/>
                </a:cubicBezTo>
                <a:cubicBezTo>
                  <a:pt x="0" y="1921305"/>
                  <a:pt x="906394" y="618789"/>
                  <a:pt x="2219871" y="5384"/>
                </a:cubicBezTo>
                <a:close/>
              </a:path>
            </a:pathLst>
          </a:custGeom>
          <a:solidFill>
            <a:schemeClr val="bg1"/>
          </a:solidFill>
          <a:ln>
            <a:gradFill>
              <a:gsLst>
                <a:gs pos="0">
                  <a:schemeClr val="accent1">
                    <a:lumMod val="40000"/>
                    <a:lumOff val="60000"/>
                  </a:schemeClr>
                </a:gs>
                <a:gs pos="23000">
                  <a:schemeClr val="accent1">
                    <a:lumMod val="45000"/>
                    <a:lumOff val="55000"/>
                  </a:schemeClr>
                </a:gs>
                <a:gs pos="83000">
                  <a:schemeClr val="bg2">
                    <a:lumMod val="82000"/>
                  </a:schemeClr>
                </a:gs>
                <a:gs pos="100000">
                  <a:schemeClr val="bg2">
                    <a:lumMod val="87000"/>
                  </a:schemeClr>
                </a:gs>
              </a:gsLst>
              <a:lin ang="5400000" scaled="1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pic>
        <p:nvPicPr>
          <p:cNvPr id="3" name="Obrázek 2">
            <a:extLst>
              <a:ext uri="{FF2B5EF4-FFF2-40B4-BE49-F238E27FC236}">
                <a16:creationId xmlns:a16="http://schemas.microsoft.com/office/drawing/2014/main" id="{7DB0EF6C-5D1D-4107-827C-BCC51FB66B3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36181" y="2392498"/>
            <a:ext cx="5462546" cy="2116736"/>
          </a:xfrm>
          <a:prstGeom prst="rect">
            <a:avLst/>
          </a:prstGeom>
        </p:spPr>
      </p:pic>
      <p:sp>
        <p:nvSpPr>
          <p:cNvPr id="28" name="Obdélník 27">
            <a:extLst>
              <a:ext uri="{FF2B5EF4-FFF2-40B4-BE49-F238E27FC236}">
                <a16:creationId xmlns:a16="http://schemas.microsoft.com/office/drawing/2014/main" id="{47B7EA88-E536-425E-936C-B36520598DA9}"/>
              </a:ext>
            </a:extLst>
          </p:cNvPr>
          <p:cNvSpPr/>
          <p:nvPr/>
        </p:nvSpPr>
        <p:spPr>
          <a:xfrm>
            <a:off x="2445146" y="520558"/>
            <a:ext cx="7236391" cy="175432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GB" sz="5400" b="1" dirty="0">
                <a:ln w="9525">
                  <a:solidFill>
                    <a:schemeClr val="bg1"/>
                  </a:solidFill>
                  <a:prstDash val="solid"/>
                </a:ln>
                <a:solidFill>
                  <a:srgbClr val="014990"/>
                </a:solidFill>
                <a:effectLst>
                  <a:outerShdw blurRad="12700" dist="38100" dir="2700000" algn="tl" rotWithShape="0">
                    <a:schemeClr val="accent5">
                      <a:lumMod val="60000"/>
                      <a:lumOff val="40000"/>
                    </a:schemeClr>
                  </a:outerShdw>
                </a:effectLst>
              </a:rPr>
              <a:t>Thank you </a:t>
            </a:r>
          </a:p>
          <a:p>
            <a:pPr algn="ctr"/>
            <a:r>
              <a:rPr lang="en-GB" sz="5400" b="1" dirty="0">
                <a:ln w="9525">
                  <a:solidFill>
                    <a:schemeClr val="bg1"/>
                  </a:solidFill>
                  <a:prstDash val="solid"/>
                </a:ln>
                <a:solidFill>
                  <a:srgbClr val="014990"/>
                </a:solidFill>
                <a:effectLst>
                  <a:outerShdw blurRad="12700" dist="38100" dir="2700000" algn="tl" rotWithShape="0">
                    <a:schemeClr val="accent5">
                      <a:lumMod val="60000"/>
                      <a:lumOff val="40000"/>
                    </a:schemeClr>
                  </a:outerShdw>
                </a:effectLst>
              </a:rPr>
              <a:t>for your attention</a:t>
            </a:r>
            <a:endParaRPr lang="cs-CZ" sz="5400" b="1" cap="none" spc="0" dirty="0">
              <a:ln w="9525">
                <a:solidFill>
                  <a:schemeClr val="bg1"/>
                </a:solidFill>
                <a:prstDash val="solid"/>
              </a:ln>
              <a:solidFill>
                <a:srgbClr val="014990"/>
              </a:solidFill>
              <a:effectLst>
                <a:outerShdw blurRad="12700" dist="38100" dir="2700000" algn="tl" rotWithShape="0">
                  <a:schemeClr val="accent5">
                    <a:lumMod val="60000"/>
                    <a:lumOff val="40000"/>
                  </a:schemeClr>
                </a:outerShdw>
              </a:effectLst>
            </a:endParaRPr>
          </a:p>
        </p:txBody>
      </p:sp>
      <p:pic>
        <p:nvPicPr>
          <p:cNvPr id="32" name="Obrázek 31">
            <a:extLst>
              <a:ext uri="{FF2B5EF4-FFF2-40B4-BE49-F238E27FC236}">
                <a16:creationId xmlns:a16="http://schemas.microsoft.com/office/drawing/2014/main" id="{302BBDD4-253E-4DDD-897C-5D35D906205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V="1">
            <a:off x="2349164" y="5103675"/>
            <a:ext cx="7236579" cy="1754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176709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yMjAsIkciOjcxLCJCIjoz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i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y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aWQiOiI3OSIsIlRvcCI6MCwiTGVmdCI6MCwiUmlnaHQiOjAsIkJvdHRvbSI6MH0sIlBhZGRpbmciOnsiJGlkIjoiODAiLCJUb3AiOjAsIkxlZnQiOjAsIlJpZ2h0IjowLCJCb3R0b20iOjB9LCJCYWNrZ3JvdW5kIjp7IiRpZCI6IjgxIiwiQ29sb3IiOnsiJHJlZiI6IjIwIn19LCJJc1Zpc2libGUiOnRydWUsIldpZHRoIjowLjAsIkhlaWdodCI6MC4wLCJCb3JkZXJTdHlsZSI6bnVsbCwiUGFyZW50U3R5bGUiOm51bGx9LCJEYXRlRm9ybWF0Ijp7IiRpZCI6I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yIsIlNoYXBlIjow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k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5LCJGb250TmFtZSI6IkNhbGlicmkiLCJJc0JvbGQiOmZhbHNlLCJJc0l0YWxpYyI6ZmFsc2UsIklzVW5kZXJsaW5lZCI6ZmFsc2UsIlBhcmVudFN0eWxlIjpudWxsfSwiQXV0b1NpemUiOjAsIkZvcmVncm91bmQiOnsiJGlkIjoiMTIxIiwiQ29sb3IiOnsiJGlkIjoiMTIyIiwiQSI6MjU1LCJSIjo3OCwiRyI6MTAzLCJCIjoyMDB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gxIn0sIklzVmlzaWJsZSI6dHJ1ZSwiV2lkdGgiOjAuMCwiSGVpZ2h0IjowLjAsIkJvcmRlclN0eWxlIjp7IiRpZCI6IjE1NSIsIkxpbmVDb2xvciI6bnVsbCwiTGluZVdlaWdodCI6MC4wLCJMaW5lVHlwZSI6MCwiUGFyZW50U3R5bGUiOm51bGx9LCJQYXJlbnRTdHlsZSI6bnVsbH0sIkRhdGVGb3JtYXQiOnsiJGlkIjoiMTU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E3MSIsIkxpbmVDb2xvciI6bnVsbCwiTGluZVdlaWdodCI6MC4wLCJMaW5lVHlwZSI6MCwiUGFyZW50U3R5bGUiOm51bGx9LCJQYXJlbnRTdHlsZSI6bnVsbH0sIkRhdGVTdHlsZSI6eyIkaWQiOiIxNzIiLCJGb250U2V0dGluZ3MiOnsiJGlkIjoiMTczIiwiRm9udFNpemUiOjksIkZvbnROYW1lIjoiQ2FsaWJyaSIsIklzQm9sZCI6ZmFsc2UsIklzSXRhbGljIjpmYWxzZSwiSXNVbmRlcmxpbmVkIjpmYWxzZSwiUGFyZW50U3R5bGUiOm51bGx9LCJBdXRvU2l6ZSI6MCwiRm9yZWdyb3VuZCI6eyIkaWQiOiIxNzQiLCJDb2xvciI6eyIkaWQiOiIxNzU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xNzYiLCJMaW5lQ29sb3IiOm51bGwsIkxpbmVXZWlnaHQiOjAuMCwiTGluZVR5cGUiOjAsIlBhcmVudFN0eWxlIjpudWxsfSwiUGFyZW50U3R5bGUiOm51bGx9LCJEYXRlRm9ybWF0Ijp7IiRpZCI6IjE3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TkyIiwiTGluZUNvbG9yIjpudWxsLCJMaW5lV2VpZ2h0IjowLjAsIkxpbmVUeXBlIjowLCJQYXJlbnRTdHlsZSI6bnVsbH0sIlBhcmVudFN0eWxlIjpudWxsfSwiRGF0ZVN0eWxlIjp7IiRpZCI6IjE5MyIsIkZvbnRTZXR0aW5ncyI6eyIkaWQiOiIxOTQiLCJGb250U2l6ZSI6OSwiRm9udE5hbWUiOiJDYWxpYnJpIiwiSXNCb2xkIjpmYWxzZSwiSXNJdGFsaWMiOmZhbHNlLCJJc1VuZGVybGluZWQiOmZhbHNlLCJQYXJlbnRTdHlsZSI6bnVsbH0sIkF1dG9TaXplIjowLCJGb3JlZ3JvdW5kIjp7IiRpZCI6IjE5NSIsIkNvbG9yIjp7IiRpZCI6IjE5Ni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E5NyIsIkxpbmVDb2xvciI6bnVsbCwiTGluZVdlaWdodCI6MC4wLCJMaW5lVHlwZSI6MCwiUGFyZW50U3R5bGUiOm51bGx9LCJQYXJlbnRTdHlsZSI6bnVsbH0sIkRhdGVGb3JtYXQiOnsiJGlkIjoiMTk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MTMiLCJMaW5lQ29sb3IiOm51bGwsIkxpbmVXZWlnaHQiOjAuMCwiTGluZVR5cGUiOjAsIlBhcmVudFN0eWxlIjpudWxsfSwiUGFyZW50U3R5bGUiOm51bGx9LCJEYXRlU3R5bGUiOnsiJGlkIjoiMjE0IiwiRm9udFNldHRpbmdzIjp7IiRpZCI6IjIxNSIsIkZvbnRTaXplIjo5LCJGb250TmFtZSI6IkNhbGlicmkiLCJJc0JvbGQiOmZhbHNlLCJJc0l0YWxpYyI6ZmFsc2UsIklzVW5kZXJsaW5lZCI6ZmFsc2UsIlBhcmVudFN0eWxlIjpudWxsfSwiQXV0b1NpemUiOjAsIkZvcmVncm91bmQiOnsiJGlkIjoiMjE2IiwiQ29sb3IiOnsiJGlkIjoiMjE3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MjE4IiwiTGluZUNvbG9yIjpudWxsLCJMaW5lV2VpZ2h0IjowLjAsIkxpbmVUeXBlIjowLCJQYXJlbnRTdHlsZSI6bnVsbH0sIlBhcmVudFN0eWxlIjpudWxsfSwiRGF0ZUZvcm1hdCI6eyIkaWQiOiIyMT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5LCJGb250TmFtZSI6IkNhbGlicmkiLCJJc0JvbGQiOmZhbHNlLCJJc0l0YWxpYyI6ZmFsc2UsIklzVW5kZXJsaW5lZCI6ZmFsc2UsIlBhcmVudFN0eWxlIjpudWxsfSwiQXV0b1NpemUiOjAsIkZvcmVncm91bmQiOnsiJGlkIjoiMjM3IiwiQ29sb3IiOnsiJGlkIjoiMjM4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MjM5IiwiTGluZUNvbG9yIjpudWxsLCJMaW5lV2VpZ2h0IjowLjAsIkxpbmVUeXBlIjowLCJQYXJlbnRTdHlsZSI6bnVsbH0sIlBhcmVudFN0eWxlIjpudWxsfSwiRGF0ZUZvcm1hdCI6eyIkaWQiOiIyND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ksIkZvbnROYW1lIjoiQ2FsaWJyaSIsIklzQm9sZCI6ZmFsc2UsIklzSXRhbGljIjpmYWxzZSwiSXNVbmRlcmxpbmVkIjpmYWxzZSwiUGFyZW50U3R5bGUiOm51bGx9LCJBdXRvU2l6ZSI6MCwiRm9yZWdyb3VuZCI6eyIkaWQiOiIyNTgiLCJDb2xvciI6eyIkaWQiOiIyNTk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yNjAiLCJMaW5lQ29sb3IiOm51bGwsIkxpbmVXZWlnaHQiOjAuMCwiTGluZVR5cGUiOjAsIlBhcmVudFN0eWxlIjpudWxsfSwiUGFyZW50U3R5bGUiOm51bGx9LCJEYXRlRm9ybWF0Ijp7IiRpZCI6IjI2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I3NiIsIkxpbmVDb2xvciI6bnVsbCwiTGluZVdlaWdodCI6MC4wLCJMaW5lVHlwZSI6MCwiUGFyZW50U3R5bGUiOm51bGx9LCJQYXJlbnRTdHlsZSI6bnVsbH0sIkRhdGVTdHlsZSI6eyIkaWQiOiIyNzciLCJGb250U2V0dGluZ3MiOnsiJGlkIjoiMjc4IiwiRm9udFNpemUiOjksIkZvbnROYW1lIjoiQ2FsaWJyaSIsIklzQm9sZCI6ZmFsc2UsIklzSXRhbGljIjpmYWxzZSwiSXNVbmRlcmxpbmVkIjpmYWxzZSwiUGFyZW50U3R5bGUiOm51bGx9LCJBdXRvU2l6ZSI6MCwiRm9yZWdyb3VuZCI6eyIkaWQiOiIyNzkiLCJDb2xvciI6eyIkaWQiOiIyODA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yODEiLCJMaW5lQ29sb3IiOm51bGwsIkxpbmVXZWlnaHQiOjAuMCwiTGluZVR5cGUiOjAsIlBhcmVudFN0eWxlIjpudWxsfSwiUGFyZW50U3R5bGUiOm51bGx9LCJEYXRlRm9ybWF0Ijp7IiRpZCI6IjI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k3IiwiTGluZUNvbG9yIjpudWxsLCJMaW5lV2VpZ2h0IjowLjAsIkxpbmVUeXBlIjowLCJQYXJlbnRTdHlsZSI6bnVsbH0sIlBhcmVudFN0eWxlIjpudWxsfSwiRGF0ZVN0eWxlIjp7IiRpZCI6IjI5OCIsIkZvbnRTZXR0aW5ncyI6eyIkaWQiOiIyOTkiLCJGb250U2l6ZSI6OSwiRm9udE5hbWUiOiJDYWxpYnJpIiwiSXNCb2xkIjpmYWxzZSwiSXNJdGFsaWMiOmZhbHNlLCJJc1VuZGVybGluZWQiOmZhbHNlLCJQYXJlbnRTdHlsZSI6bnVsbH0sIkF1dG9TaXplIjowLCJGb3JlZ3JvdW5kIjp7IiRpZCI6IjMwMCIsIkNvbG9yIjp7IiRpZCI6IjMwMS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MwMiIsIkxpbmVDb2xvciI6bnVsbCwiTGluZVdlaWdodCI6MC4wLCJMaW5lVHlwZSI6MCwiUGFyZW50U3R5bGUiOm51bGx9LCJQYXJlbnRTdHlsZSI6bnVsbH0sIkRhdGVGb3JtYXQiOnsiJGlkIjoiMzA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zMTgiLCJMaW5lQ29sb3IiOm51bGwsIkxpbmVXZWlnaHQiOjAuMCwiTGluZVR5cGUiOjAsIlBhcmVudFN0eWxlIjpudWxsfSwiUGFyZW50U3R5bGUiOm51bGx9LCJEYXRlU3R5bGUiOnsiJGlkIjoiMzE5IiwiRm9udFNldHRpbmdzIjp7IiRpZCI6IjMyMCIsIkZvbnRTaXplIjo5LCJGb250TmFtZSI6IkNhbGlicmkiLCJJc0JvbGQiOmZhbHNlLCJJc0l0YWxpYyI6ZmFsc2UsIklzVW5kZXJsaW5lZCI6ZmFsc2UsIlBhcmVudFN0eWxlIjpudWxsfSwiQXV0b1NpemUiOjAsIkZvcmVncm91bmQiOnsiJGlkIjoiMzIxIiwiQ29sb3IiOnsiJGlkIjoiMzIy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MzIzIiwiTGluZUNvbG9yIjpudWxsLCJMaW5lV2VpZ2h0IjowLjAsIkxpbmVUeXBlIjowLCJQYXJlbnRTdHlsZSI6bnVsbH0sIlBhcmVudFN0eWxlIjpudWxsfSwiRGF0ZUZvcm1hdCI6eyIkaWQiOiIzMj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MzOSIsIkxpbmVDb2xvciI6bnVsbCwiTGluZVdlaWdodCI6MC4wLCJMaW5lVHlwZSI6MCwiUGFyZW50U3R5bGUiOm51bGx9LCJQYXJlbnRTdHlsZSI6bnVsbH0sIkRhdGVTdHlsZSI6eyIkaWQiOiIzNDAiLCJGb250U2V0dGluZ3MiOnsiJGlkIjoiMzQxIiwiRm9udFNpemUiOjksIkZvbnROYW1lIjoiQ2FsaWJyaSIsIklzQm9sZCI6ZmFsc2UsIklzSXRhbGljIjpmYWxzZSwiSXNVbmRlcmxpbmVkIjpmYWxzZSwiUGFyZW50U3R5bGUiOm51bGx9LCJBdXRvU2l6ZSI6MCwiRm9yZWdyb3VuZCI6eyIkaWQiOiIzNDIiLCJDb2xvciI6eyIkaWQiOiIzNDM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zNDQiLCJMaW5lQ29sb3IiOm51bGwsIkxpbmVXZWlnaHQiOjAuMCwiTGluZVR5cGUiOjAsIlBhcmVudFN0eWxlIjpudWxsfSwiUGFyZW50U3R5bGUiOm51bGx9LCJEYXRlRm9ybWF0Ijp7IiRpZCI6IjM0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OSwiRm9udE5hbWUiOiJDYWxpYnJpIiwiSXNCb2xkIjpmYWxzZSwiSXNJdGFsaWMiOmZhbHNlLCJJc1VuZGVybGluZWQiOmZhbHNlLCJQYXJlbnRTdHlsZSI6bnVsbH0sIkF1dG9TaXplIjowLCJGb3JlZ3JvdW5kIjp7IiRpZCI6IjM2MyIsIkNvbG9yIjp7IiRpZCI6IjM2NC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M2NSIsIkxpbmVDb2xvciI6bnVsbCwiTGluZVdlaWdodCI6MC4wLCJMaW5lVHlwZSI6MCwiUGFyZW50U3R5bGUiOm51bGx9LCJQYXJlbnRTdHlsZSI6bnVsbH0sIkRhdGVGb3JtYXQiOnsiJGlkIjoiMzY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zODEiLCJMaW5lQ29sb3IiOm51bGwsIkxpbmVXZWlnaHQiOjAuMCwiTGluZVR5cGUiOjAsIlBhcmVudFN0eWxlIjpudWxsfSwiUGFyZW50U3R5bGUiOm51bGx9LCJEYXRlU3R5bGUiOnsiJGlkIjoiMzgyIiwiRm9udFNldHRpbmdzIjp7IiRpZCI6IjM4MyIsIkZvbnRTaXplIjo5LCJGb250TmFtZSI6IkNhbGlicmkiLCJJc0JvbGQiOmZhbHNlLCJJc0l0YWxpYyI6ZmFsc2UsIklzVW5kZXJsaW5lZCI6ZmFsc2UsIlBhcmVudFN0eWxlIjpudWxsfSwiQXV0b1NpemUiOjAsIkZvcmVncm91bmQiOnsiJGlkIjoiMzg0IiwiQ29sb3IiOnsiJGlkIjoiMzg1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Mzg2IiwiTGluZUNvbG9yIjpudWxsLCJMaW5lV2VpZ2h0IjowLjAsIkxpbmVUeXBlIjowLCJQYXJlbnRTdHlsZSI6bnVsbH0sIlBhcmVudFN0eWxlIjpudWxsfSwiRGF0ZUZvcm1hdCI6eyIkaWQiOiIzO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NDAyIiwiTGluZUNvbG9yIjpudWxsLCJMaW5lV2VpZ2h0IjowLjAsIkxpbmVUeXBlIjowLCJQYXJlbnRTdHlsZSI6bnVsbH0sIlBhcmVudFN0eWxlIjpudWxsfSwiRGF0ZVN0eWxlIjp7IiRpZCI6IjQwMyIsIkZvbnRTZXR0aW5ncyI6eyIkaWQiOiI0MDQiLCJGb250U2l6ZSI6OSwiRm9udE5hbWUiOiJDYWxpYnJpIiwiSXNCb2xkIjpmYWxzZSwiSXNJdGFsaWMiOmZhbHNlLCJJc1VuZGVybGluZWQiOmZhbHNlLCJQYXJlbnRTdHlsZSI6bnVsbH0sIkF1dG9TaXplIjowLCJGb3JlZ3JvdW5kIjp7IiRpZCI6IjQwNSIsIkNvbG9yIjp7IiRpZCI6IjQwNi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QwNyIsIkxpbmVDb2xvciI6bnVsbCwiTGluZVdlaWdodCI6MC4wLCJMaW5lVHlwZSI6MCwiUGFyZW50U3R5bGUiOm51bGx9LCJQYXJlbnRTdHlsZSI6bnVsbH0sIkRhdGVGb3JtYXQiOnsiJGlkIjoiNDA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NDIxIiwiTGluZUNvbG9yIjpudWxsLCJMaW5lV2VpZ2h0IjowLjAsIkxpbmVUeXBlIjowLCJQYXJlbnRTdHlsZSI6bnVsbH0sIlBhcmVudFN0eWxlIjpudWxsfSwiRGF0ZVN0eWxlIjp7IiRpZCI6IjQyMiIsIkZvbnRTZXR0aW5ncyI6eyIkaWQiOiI0MjMiLCJGb250U2l6ZSI6OSwiRm9udE5hbWUiOiJDYWxpYnJpIiwiSXNCb2xkIjpmYWxzZSwiSXNJdGFsaWMiOmZhbHNlLCJJc1VuZGVybGluZWQiOmZhbHNlLCJQYXJlbnRTdHlsZSI6bnVsbH0sIkF1dG9TaXplIjowLCJGb3JlZ3JvdW5kIjp7IiRpZCI6IjQyNCIsIkNvbG9yIjp7IiRpZCI6IjQyNS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QyNiIsIkxpbmVDb2xvciI6bnVsbCwiTGluZVdlaWdodCI6MC4wLCJMaW5lVHlwZSI6MCwiUGFyZW50U3R5bGUiOm51bGx9LCJQYXJlbnRTdHlsZSI6bnVsbH0sIkRhdGVGb3JtYXQiOnsiJGlkIjoiNDI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0NDAiLCJMaW5lQ29sb3IiOm51bGwsIkxpbmVXZWlnaHQiOjAuMCwiTGluZVR5cGUiOjAsIlBhcmVudFN0eWxlIjpudWxsfSwiUGFyZW50U3R5bGUiOm51bGx9LCJEYXRlU3R5bGUiOnsiJGlkIjoiNDQxIiwiRm9udFNldHRpbmdzIjp7IiRpZCI6IjQ0MiIsIkZvbnRTaXplIjo5LCJGb250TmFtZSI6IkNhbGlicmkiLCJJc0JvbGQiOmZhbHNlLCJJc0l0YWxpYyI6ZmFsc2UsIklzVW5kZXJsaW5lZCI6ZmFsc2UsIlBhcmVudFN0eWxlIjpudWxsfSwiQXV0b1NpemUiOjAsIkZvcmVncm91bmQiOnsiJGlkIjoiNDQzIiwiQ29sb3IiOnsiJGlkIjoiNDQ0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NDQ1IiwiTGluZUNvbG9yIjpudWxsLCJMaW5lV2VpZ2h0IjowLjAsIkxpbmVUeXBlIjowLCJQYXJlbnRTdHlsZSI6bnVsbH0sIlBhcmVudFN0eWxlIjpudWxsfSwiRGF0ZUZvcm1hdCI6eyIkaWQiOiI0N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0NTkiLCJMaW5lQ29sb3IiOm51bGwsIkxpbmVXZWlnaHQiOjAuMCwiTGluZVR5cGUiOjAsIlBhcmVudFN0eWxlIjpudWxsfSwiUGFyZW50U3R5bGUiOm51bGx9LCJEYXRlU3R5bGUiOnsiJGlkIjoiNDYwIiwiRm9udFNldHRpbmdzIjp7IiRpZCI6IjQ2MSIsIkZvbnRTaXplIjo5LCJGb250TmFtZSI6IkNhbGlicmkiLCJJc0JvbGQiOmZhbHNlLCJJc0l0YWxpYyI6ZmFsc2UsIklzVW5kZXJsaW5lZCI6ZmFsc2UsIlBhcmVudFN0eWxlIjpudWxsfSwiQXV0b1NpemUiOjAsIkZvcmVncm91bmQiOnsiJGlkIjoiNDYyIiwiQ29sb3IiOnsiJGlkIjoiNDYz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NDY0IiwiTGluZUNvbG9yIjpudWxsLCJMaW5lV2VpZ2h0IjowLjAsIkxpbmVUeXBlIjowLCJQYXJlbnRTdHlsZSI6bnVsbH0sIlBhcmVudFN0eWxlIjpudWxsfSwiRGF0ZUZvcm1hdCI6eyIkaWQiOiI0N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Q3OCIsIkxpbmVDb2xvciI6bnVsbCwiTGluZVdlaWdodCI6MC4wLCJMaW5lVHlwZSI6MCwiUGFyZW50U3R5bGUiOm51bGx9LCJQYXJlbnRTdHlsZSI6bnVsbH0sIkRhdGVTdHlsZSI6eyIkaWQiOiI0NzkiLCJGb250U2V0dGluZ3MiOnsiJGlkIjoiNDgwIiwiRm9udFNpemUiOjk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Q4MSIsIkxpbmVDb2xvciI6bnVsbCwiTGluZVdlaWdodCI6MC4wLCJMaW5lVHlwZSI6MCwiUGFyZW50U3R5bGUiOm51bGx9LCJQYXJlbnRTdHlsZSI6bnVsbH0sIkRhdGVGb3JtYXQiOnsiJGlkIjoiNDg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NDk1IiwiTGluZUNvbG9yIjpudWxsLCJMaW5lV2VpZ2h0IjowLjAsIkxpbmVUeXBlIjowLCJQYXJlbnRTdHlsZSI6bnVsbH0sIlBhcmVudFN0eWxlIjpudWxsfSwiRGF0ZVN0eWxlIjp7IiRpZCI6IjQ5NiIsIkZvbnRTZXR0aW5ncyI6eyIkaWQiOiI0OTciLCJGb250U2l6ZSI6OS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NDk4IiwiTGluZUNvbG9yIjpudWxsLCJMaW5lV2VpZ2h0IjowLjAsIkxpbmVUeXBlIjowLCJQYXJlbnRTdHlsZSI6bnVsbH0sIlBhcmVudFN0eWxlIjpudWxsfSwiRGF0ZUZvcm1hdCI6eyIkaWQiOiI0OT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NTEyIiwiTGluZUNvbG9yIjpudWxsLCJMaW5lV2VpZ2h0IjowLjAsIkxpbmVUeXBlIjowLCJQYXJlbnRTdHlsZSI6bnVsbH0sIlBhcmVudFN0eWxlIjpudWxsfSwiRGF0ZVN0eWxlIjp7IiRpZCI6IjUxMyIsIkZvbnRTZXR0aW5ncyI6eyIkaWQiOiI1MTQiLCJGb250U2l6ZSI6OS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NTE1IiwiTGluZUNvbG9yIjpudWxsLCJMaW5lV2VpZ2h0IjowLjAsIkxpbmVUeXBlIjowLCJQYXJlbnRTdHlsZSI6bnVsbH0sIlBhcmVudFN0eWxlIjpudWxsfSwiRGF0ZUZvcm1hdCI6eyIkaWQiOiI1M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1MjciLCJMaW5lQ29sb3IiOm51bGwsIkxpbmVXZWlnaHQiOjAuMCwiTGluZVR5cGUiOjAsIlBhcmVudFN0eWxlIjpudWxsfSwiUGFyZW50U3R5bGUiOm51bGx9LCJEYXRlU3R5bGUiOnsiJGlkIjoiNTI4IiwiRm9udFNldHRpbmdzIjp7IiRpZCI6IjUyOSIsIkZvbnRTaXplIjo5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1MzAiLCJMaW5lQ29sb3IiOm51bGwsIkxpbmVXZWlnaHQiOjAuMCwiTGluZVR5cGUiOjAsIlBhcmVudFN0eWxlIjpudWxsfSwiUGFyZW50U3R5bGUiOm51bGx9LCJEYXRlRm9ybWF0Ijp7IiRpZCI6IjUz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NTQyIiwiTGluZUNvbG9yIjpudWxsLCJMaW5lV2VpZ2h0IjowLjAsIkxpbmVUeXBlIjowLCJQYXJlbnRTdHlsZSI6bnVsbH0sIlBhcmVudFN0eWxlIjpudWxsfSwiRGF0ZVN0eWxlIjp7IiRpZCI6IjU0MyIsIkZvbnRTZXR0aW5ncyI6eyIkaWQiOiI1NDQiLCJGb250U2l6ZSI6OSwiRm9udE5hbWUiOiJDYWxpYnJpIiwiSXNCb2xkIjpmYWxzZSwiSXNJdGFsaWMiOmZhbHNlLCJJc1VuZGVybGluZWQiOmZhbHNlLCJQYXJlbnRTdHlsZSI6bnVsbH0sIkF1dG9TaXplIjowLCJGb3JlZ3JvdW5kIjp7IiRpZCI6IjU0NSIsIkNvbG9yIjp7IiRpZCI6IjU0Ni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U0NyIsIkxpbmVDb2xvciI6bnVsbCwiTGluZVdlaWdodCI6MC4wLCJMaW5lVHlwZSI6MCwiUGFyZW50U3R5bGUiOm51bGx9LCJQYXJlbnRTdHlsZSI6bnVsbH0sIkRhdGVGb3JtYXQiOnsiJGlkIjoiNTQ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NTYxIiwiTGluZUNvbG9yIjpudWxsLCJMaW5lV2VpZ2h0IjowLjAsIkxpbmVUeXBlIjowLCJQYXJlbnRTdHlsZSI6bnVsbH0sIlBhcmVudFN0eWxlIjpudWxsfSwiRGF0ZVN0eWxlIjp7IiRpZCI6IjU2MiIsIkZvbnRTZXR0aW5ncyI6eyIkaWQiOiI1NjMiLCJGb250U2l6ZSI6OSwiRm9udE5hbWUiOiJDYWxpYnJpIiwiSXNCb2xkIjpmYWxzZSwiSXNJdGFsaWMiOmZhbHNlLCJJc1VuZGVybGluZWQiOmZhbHNlLCJQYXJlbnRTdHlsZSI6bnVsbH0sIkF1dG9TaXplIjowLCJGb3JlZ3JvdW5kIjp7IiRpZCI6IjU2NCIsIkNvbG9yIjp7IiRpZCI6IjU2NS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U2NiIsIkxpbmVDb2xvciI6bnVsbCwiTGluZVdlaWdodCI6MC4wLCJMaW5lVHlwZSI6MCwiUGFyZW50U3R5bGUiOm51bGx9LCJQYXJlbnRTdHlsZSI6bnVsbH0sIkRhdGVGb3JtYXQiOnsiJGlkIjoiNTY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NTgwIiwiTGluZUNvbG9yIjpudWxsLCJMaW5lV2VpZ2h0IjowLjAsIkxpbmVUeXBlIjowLCJQYXJlbnRTdHlsZSI6bnVsbH0sIlBhcmVudFN0eWxlIjpudWxsfSwiRGF0ZVN0eWxlIjp7IiRpZCI6IjU4MSIsIkZvbnRTZXR0aW5ncyI6eyIkaWQiOiI1ODIiLCJGb250U2l6ZSI6OSwiRm9udE5hbWUiOiJDYWxpYnJpIiwiSXNCb2xkIjpmYWxzZSwiSXNJdGFsaWMiOmZhbHNlLCJJc1VuZGVybGluZWQiOmZhbHNlLCJQYXJlbnRTdHlsZSI6bnVsbH0sIkF1dG9TaXplIjowLCJGb3JlZ3JvdW5kIjp7IiRpZCI6IjU4MyIsIkNvbG9yIjp7IiRpZCI6IjU4NC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U4NSIsIkxpbmVDb2xvciI6bnVsbCwiTGluZVdlaWdodCI6MC4wLCJMaW5lVHlwZSI6MCwiUGFyZW50U3R5bGUiOm51bGx9LCJQYXJlbnRTdHlsZSI6bnVsbH0sIkRhdGVGb3JtYXQiOnsiJGlkIjoiNTg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1OTciLCJMaW5lQ29sb3IiOm51bGwsIkxpbmVXZWlnaHQiOjAuMCwiTGluZVR5cGUiOjAsIlBhcmVudFN0eWxlIjpudWxsfSwiUGFyZW50U3R5bGUiOm51bGx9LCJEYXRlU3R5bGUiOnsiJGlkIjoiNTk4IiwiRm9udFNldHRpbmdzIjp7IiRpZCI6IjU5OSIsIkZvbnRTaXplIjo5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2MDAiLCJMaW5lQ29sb3IiOm51bGwsIkxpbmVXZWlnaHQiOjAuMCwiTGluZVR5cGUiOjAsIlBhcmVudFN0eWxlIjpudWxsfSwiUGFyZW50U3R5bGUiOm51bGx9LCJEYXRlRm9ybWF0Ijp7IiRpZCI6IjYw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YxNCIsIkxpbmVDb2xvciI6bnVsbCwiTGluZVdlaWdodCI6MC4wLCJMaW5lVHlwZSI6MCwiUGFyZW50U3R5bGUiOm51bGx9LCJQYXJlbnRTdHlsZSI6bnVsbH0sIkRhdGVTdHlsZSI6eyIkaWQiOiI2MTUiLCJGb250U2V0dGluZ3MiOnsiJGlkIjoiNjE2IiwiRm9udFNpemUiOjksIkZvbnROYW1lIjoiQ2FsaWJyaSIsIklzQm9sZCI6ZmFsc2UsIklzSXRhbGljIjpmYWxzZSwiSXNVbmRlcmxpbmVkIjpmYWxzZSwiUGFyZW50U3R5bGUiOm51bGx9LCJBdXRvU2l6ZSI6MCwiRm9yZWdyb3VuZCI6eyIkaWQiOiI2MTciLCJDb2xvciI6eyIkaWQiOiI2MTg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2MTkiLCJMaW5lQ29sb3IiOm51bGwsIkxpbmVXZWlnaHQiOjAuMCwiTGluZVR5cGUiOjAsIlBhcmVudFN0eWxlIjpudWxsfSwiUGFyZW50U3R5bGUiOm51bGx9LCJEYXRlRm9ybWF0Ijp7IiRpZCI6IjYy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NjMzIiwiTGluZUNvbG9yIjpudWxsLCJMaW5lV2VpZ2h0IjowLjAsIkxpbmVUeXBlIjowLCJQYXJlbnRTdHlsZSI6bnVsbH0sIlBhcmVudFN0eWxlIjpudWxsfSwiRGF0ZVN0eWxlIjp7IiRpZCI6IjYzNCIsIkZvbnRTZXR0aW5ncyI6eyIkaWQiOiI2MzUiLCJGb250U2l6ZSI6OSwiRm9udE5hbWUiOiJDYWxpYnJpIiwiSXNCb2xkIjpmYWxzZSwiSXNJdGFsaWMiOmZhbHNlLCJJc1VuZGVybGluZWQiOmZhbHNlLCJQYXJlbnRTdHlsZSI6bnVsbH0sIkF1dG9TaXplIjowLCJGb3JlZ3JvdW5kIjp7IiRpZCI6IjYzNiIsIkNvbG9yIjp7IiRpZCI6IjYzNy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YzOCIsIkxpbmVDb2xvciI6bnVsbCwiTGluZVdlaWdodCI6MC4wLCJMaW5lVHlwZSI6MCwiUGFyZW50U3R5bGUiOm51bGx9LCJQYXJlbnRTdHlsZSI6bnVsbH0sIkRhdGVGb3JtYXQiOnsiJGlkIjoiNjM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NjUyIiwiTGluZUNvbG9yIjpudWxsLCJMaW5lV2VpZ2h0IjowLjAsIkxpbmVUeXBlIjowLCJQYXJlbnRTdHlsZSI6bnVsbH0sIlBhcmVudFN0eWxlIjpudWxsfSwiRGF0ZVN0eWxlIjp7IiRpZCI6IjY1MyIsIkZvbnRTZXR0aW5ncyI6eyIkaWQiOiI2NTQiLCJGb250U2l6ZSI6OSwiRm9udE5hbWUiOiJDYWxpYnJpIiwiSXNCb2xkIjpmYWxzZSwiSXNJdGFsaWMiOmZhbHNlLCJJc1VuZGVybGluZWQiOmZhbHNlLCJQYXJlbnRTdHlsZSI6bnVsbH0sIkF1dG9TaXplIjowLCJGb3JlZ3JvdW5kIjp7IiRpZCI6IjY1NSIsIkNvbG9yIjp7IiRpZCI6IjY1Ni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Y1NyIsIkxpbmVDb2xvciI6bnVsbCwiTGluZVdlaWdodCI6MC4wLCJMaW5lVHlwZSI6MCwiUGFyZW50U3R5bGUiOm51bGx9LCJQYXJlbnRTdHlsZSI6bnVsbH0sIkRhdGVGb3JtYXQiOnsiJGlkIjoiNjU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NjY5IiwiTGluZUNvbG9yIjpudWxsLCJMaW5lV2VpZ2h0IjowLjAsIkxpbmVUeXBlIjowLCJQYXJlbnRTdHlsZSI6bnVsbH0sIlBhcmVudFN0eWxlIjpudWxsfSwiRGF0ZVN0eWxlIjp7IiRpZCI6IjY3MCIsIkZvbnRTZXR0aW5ncyI6eyIkaWQiOiI2NzEiLCJGb250U2l6ZSI6OSwiRm9udE5hbWUiOiJDYWxpYnJpIiwiSXNCb2xkIjpmYWxzZSwiSXNJdGFsaWMiOmZhbHNlLCJJc1VuZGVybGluZWQiOmZhbHNlLCJQYXJlbnRTdHlsZSI6bnVsbH0sIkF1dG9TaXplIjowLCJGb3JlZ3JvdW5kIjp7IiRpZCI6IjY3MiIsIkNvbG9yIjp7IiRpZCI6IjY3My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Y3NCIsIkxpbmVDb2xvciI6bnVsbCwiTGluZVdlaWdodCI6MC4wLCJMaW5lVHlwZSI6MCwiUGFyZW50U3R5bGUiOm51bGx9LCJQYXJlbnRTdHlsZSI6bnVsbH0sIkRhdGVGb3JtYXQiOnsiJGlkIjoiNjc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ksIkZvbnROYW1lIjoiQ2FsaWJyaSIsIklzQm9sZCI6ZmFsc2UsIklzSXRhbGljIjpmYWxzZSwiSXNVbmRlcmxpbmVkIjpmYWxzZSwiUGFyZW50U3R5bGUiOm51bGx9LCJBdXRvU2l6ZSI6MCwiRm9yZWdyb3VuZCI6eyIkaWQiOiI2OTEiLCJDb2xvciI6eyIkaWQiOiI2OTI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2OTMiLCJMaW5lQ29sb3IiOm51bGwsIkxpbmVXZWlnaHQiOjAuMCwiTGluZVR5cGUiOjAsIlBhcmVudFN0eWxlIjpudWxsfSwiUGFyZW50U3R5bGUiOm51bGx9LCJEYXRlRm9ybWF0Ijp7IiRpZCI6IjY5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3MDciLCJMaW5lQ29sb3IiOm51bGwsIkxpbmVXZWlnaHQiOjAuMCwiTGluZVR5cGUiOjAsIlBhcmVudFN0eWxlIjpudWxsfSwiUGFyZW50U3R5bGUiOm51bGx9LCJEYXRlU3R5bGUiOnsiJGlkIjoiNzA4IiwiRm9udFNldHRpbmdzIjp7IiRpZCI6IjcwOSIsIkZvbnRTaXplIjo5LCJGb250TmFtZSI6IkNhbGlicmkiLCJJc0JvbGQiOmZhbHNlLCJJc0l0YWxpYyI6ZmFsc2UsIklzVW5kZXJsaW5lZCI6ZmFsc2UsIlBhcmVudFN0eWxlIjpudWxsfSwiQXV0b1NpemUiOjAsIkZvcmVncm91bmQiOnsiJGlkIjoiNzEwIiwiQ29sb3IiOnsiJGlkIjoiNzEx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NzEyIiwiTGluZUNvbG9yIjpudWxsLCJMaW5lV2VpZ2h0IjowLjAsIkxpbmVUeXBlIjowLCJQYXJlbnRTdHlsZSI6bnVsbH0sIlBhcmVudFN0eWxlIjpudWxsfSwiRGF0ZUZvcm1hdCI6eyIkaWQiOiI3M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NzI2IiwiTGluZUNvbG9yIjpudWxsLCJMaW5lV2VpZ2h0IjowLjAsIkxpbmVUeXBlIjowLCJQYXJlbnRTdHlsZSI6bnVsbH0sIlBhcmVudFN0eWxlIjpudWxsfSwiRGF0ZVN0eWxlIjp7IiRpZCI6IjcyNyIsIkZvbnRTZXR0aW5ncyI6eyIkaWQiOiI3MjgiLCJGb250U2l6ZSI6OSwiRm9udE5hbWUiOiJDYWxpYnJpIiwiSXNCb2xkIjpmYWxzZSwiSXNJdGFsaWMiOmZhbHNlLCJJc1VuZGVybGluZWQiOmZhbHNlLCJQYXJlbnRTdHlsZSI6bnVsbH0sIkF1dG9TaXplIjowLCJGb3JlZ3JvdW5kIjp7IiRpZCI6IjcyOSIsIkNvbG9yIjp7IiRpZCI6IjczMC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czMSIsIkxpbmVDb2xvciI6bnVsbCwiTGluZVdlaWdodCI6MC4wLCJMaW5lVHlwZSI6MCwiUGFyZW50U3R5bGUiOm51bGx9LCJQYXJlbnRTdHlsZSI6bnVsbH0sIkRhdGVGb3JtYXQiOnsiJGlkIjoiNzM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3NDUiLCJMaW5lQ29sb3IiOm51bGwsIkxpbmVXZWlnaHQiOjAuMCwiTGluZVR5cGUiOjAsIlBhcmVudFN0eWxlIjpudWxsfSwiUGFyZW50U3R5bGUiOm51bGx9LCJEYXRlU3R5bGUiOnsiJGlkIjoiNzQ2IiwiRm9udFNldHRpbmdzIjp7IiRpZCI6Ijc0NyIsIkZvbnRTaXplIjo5LCJGb250TmFtZSI6IkNhbGlicmkiLCJJc0JvbGQiOmZhbHNlLCJJc0l0YWxpYyI6ZmFsc2UsIklzVW5kZXJsaW5lZCI6ZmFsc2UsIlBhcmVudFN0eWxlIjpudWxsfSwiQXV0b1NpemUiOjAsIkZvcmVncm91bmQiOnsiJGlkIjoiNzQ4IiwiQ29sb3IiOnsiJGlkIjoiNzQ5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NzUwIiwiTGluZUNvbG9yIjpudWxsLCJMaW5lV2VpZ2h0IjowLjAsIkxpbmVUeXBlIjowLCJQYXJlbnRTdHlsZSI6bnVsbH0sIlBhcmVudFN0eWxlIjpudWxsfSwiRGF0ZUZvcm1hdCI6eyIkaWQiOiI3N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c5MiIsIkxpbmVDb2xvciI6bnVsbCwiTGluZVdlaWdodCI6MC4wLCJMaW5lVHlwZSI6MCwiUGFyZW50U3R5bGUiOm51bGx9LCJQYXJlbnRTdHlsZSI6bnVsbH0sIkR1cmF0aW9uU3R5bGUiOnsiJGlkIjoiNzkzIiwiRm9udFNldHRpbmdzIjp7IiRpZCI6Ijc5N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zk1IiwiTGluZUNvbG9yIjpudWxsLCJMaW5lV2VpZ2h0IjowLjAsIkxpbmVUeXBlIjowLCJQYXJlbnRTdHlsZSI6bnVsbH0sIlBhcmVudFN0eWxlIjpudWxsfSwiSG9yaXpvbnRhbENvbm5lY3RvclN0eWxlIjp7IiRpZCI6Ijc5NiIsIkxpbmVDb2xvciI6eyIkcmVmIjoiOTkifSwiTGluZVdlaWdodCI6MS4wLCJMaW5lVHlwZSI6MCwiUGFyZW50U3R5bGUiOm51bGx9LCJWZXJ0aWNhbENvbm5lY3RvclN0eWxlIjp7IiRpZCI6Ijc5NyIsIkxpbmVDb2xvciI6eyIkcmVmIjoiMTAyIn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4MDQiLCJMaW5lQ29sb3IiOm51bGwsIkxpbmVXZWlnaHQiOjAuMCwiTGluZVR5cGUiOjAsIlBhcmVudFN0eWxlIjpudWxsfSwiUGFyZW50U3R5bGUiOm51bGx9LCJEYXRlU3R5bGUiOnsiJGlkIjoiODA1IiwiRm9udFNldHRpbmdzIjp7IiRpZCI6IjgwNiIsIkZvbnRTaXplIjo5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ODA3IiwiTGluZUNvbG9yIjpudWxsLCJMaW5lV2VpZ2h0IjowLjAsIkxpbmVUeXBlIjowLCJQYXJlbnRTdHlsZSI6bnVsbH0sIlBhcmVudFN0eWxlIjpudWxsfSwiRGF0ZUZvcm1hdCI6eyIkaWQiOiI4MDg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4MTMiLCJMaW5lQ29sb3IiOm51bGwsIkxpbmVXZWlnaHQiOjAuMCwiTGluZVR5cGUiOjAsIlBhcmVudFN0eWxlIjpudWxsfSwiUGFyZW50U3R5bGUiOm51bGx9LCJEdXJhdGlvblN0eWxlIjp7IiRpZCI6IjgxNCIsIkZvbnRTZXR0aW5ncyI6eyIkaWQiOiI4MT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k5In0sIkxpbmVXZWlnaHQiOjEuMCwiTGluZVR5cGUiOjAsIlBhcmVudFN0eWxlIjpudWxsfSwiVmVydGljYWxDb25uZWN0b3JTdHlsZSI6eyIkaWQiOiI4MTgiLCJMaW5lQ29sb3IiOnsiJHJlZiI6IjEwMi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ODI1IiwiTGluZUNvbG9yIjpudWxsLCJMaW5lV2VpZ2h0IjowLjAsIkxpbmVUeXBlIjowLCJQYXJlbnRTdHlsZSI6bnVsbH0sIlBhcmVudFN0eWxlIjpudWxsfSwiRGF0ZVN0eWxlIjp7IiRpZCI6IjgyNiIsIkZvbnRTZXR0aW5ncyI6eyIkaWQiOiI4MjciLCJGb250U2l6ZSI6OSwiRm9udE5hbWUiOiJDYWxpYnJpIiwiSXNCb2xkIjpmYWxzZSwiSXNJdGFsaWMiOmZhbHNlLCJJc1VuZGVybGluZWQiOmZhbHNlLCJQYXJlbnRTdHlsZSI6bnVsbH0sIkF1dG9TaXplIjowLCJGb3JlZ3JvdW5kIjp7IiRpZCI6IjgyOCIsIkNvbG9yIjp7IiRpZCI6IjgyOSIsIkEiOjI1NSwiUiI6NzgsIkciOjEwMywiQiI6MjAw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4MzAiLCJMaW5lQ29sb3IiOm51bGwsIkxpbmVXZWlnaHQiOjAuMCwiTGluZVR5cGUiOjAsIlBhcmVudFN0eWxlIjpudWxsfSwiUGFyZW50U3R5bGUiOm51bGx9LCJEYXRlRm9ybWF0Ijp7IiRpZCI6Ijgz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4MzYiLCJMaW5lQ29sb3IiOm51bGwsIkxpbmVXZWlnaHQiOjAuMCwiTGluZVR5cGUiOjAsIlBhcmVudFN0eWxlIjpudWxsfSwiUGFyZW50U3R5bGUiOm51bGx9LCJEdXJhdGlvblN0eWxlIjp7IiRpZCI6IjgzNyIsIkZvbnRTZXR0aW5ncyI6eyIkaWQiOiI4Mzg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gzOSIsIkxpbmVDb2xvciI6bnVsbCwiTGluZVdlaWdodCI6MC4wLCJMaW5lVHlwZSI6MCwiUGFyZW50U3R5bGUiOm51bGx9LCJQYXJlbnRTdHlsZSI6bnVsbH0sIkhvcml6b250YWxDb25uZWN0b3JTdHlsZSI6eyIkaWQiOiI4NDAiLCJMaW5lQ29sb3IiOnsiJHJlZiI6Ijk5In0sIkxpbmVXZWlnaHQiOjEuMCwiTGluZVR5cGUiOjAsIlBhcmVudFN0eWxlIjpudWxsfSwiVmVydGljYWxDb25uZWN0b3JTdHlsZSI6eyIkaWQiOiI4NDEiLCJMaW5lQ29sb3IiOnsiJHJlZiI6IjEwMi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4NTAiLCJMaW5lQ29sb3IiOm51bGwsIkxpbmVXZWlnaHQiOjAuMCwiTGluZVR5cGUiOjAsIlBhcmVudFN0eWxlIjpudWxsfSwiUGFyZW50U3R5bGUiOm51bGx9LCJEYXRlU3R5bGUiOnsiJGlkIjoiODUxIiwiRm9udFNldHRpbmdzIjp7IiRpZCI6Ijg1MiIsIkZvbnRTaXplIjo5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ODUzIiwiTGluZUNvbG9yIjpudWxsLCJMaW5lV2VpZ2h0IjowLjAsIkxpbmVUeXBlIjowLCJQYXJlbnRTdHlsZSI6bnVsbH0sIlBhcmVudFN0eWxlIjpudWxsfSwiRGF0ZUZvcm1hdCI6eyIkaWQiOiI4NTQ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g1OSIsIkxpbmVDb2xvciI6bnVsbCwiTGluZVdlaWdodCI6MC4wLCJMaW5lVHlwZSI6MCwiUGFyZW50U3R5bGUiOm51bGx9LCJQYXJlbnRTdHlsZSI6bnVsbH0sIkR1cmF0aW9uU3R5bGUiOnsiJGlkIjoiODYwIiwiRm9udFNldHRpbmdzIjp7IiRpZCI6Ijg2M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ODYyIiwiTGluZUNvbG9yIjpudWxsLCJMaW5lV2VpZ2h0IjowLjAsIkxpbmVUeXBlIjowLCJQYXJlbnRTdHlsZSI6bnVsbH0sIlBhcmVudFN0eWxlIjpudWxsfSwiSG9yaXpvbnRhbENvbm5lY3RvclN0eWxlIjp7IiRpZCI6Ijg2MyIsIkxpbmVDb2xvciI6eyIkcmVmIjoiOTkifSwiTGluZVdlaWdodCI6MS4wLCJMaW5lVHlwZSI6MCwiUGFyZW50U3R5bGUiOm51bGx9LCJWZXJ0aWNhbENvbm5lY3RvclN0eWxlIjp7IiRpZCI6Ijg2NCIsIkxpbmVDb2xvciI6eyIkcmVmIjoiMTAy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g3MSIsIkxpbmVDb2xvciI6bnVsbCwiTGluZVdlaWdodCI6MC4wLCJMaW5lVHlwZSI6MCwiUGFyZW50U3R5bGUiOm51bGx9LCJQYXJlbnRTdHlsZSI6bnVsbH0sIkRhdGVTdHlsZSI6eyIkaWQiOiI4NzIiLCJGb250U2V0dGluZ3MiOnsiJGlkIjoiODczIiwiRm9udFNpemUiOjk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4NzQiLCJMaW5lQ29sb3IiOm51bGwsIkxpbmVXZWlnaHQiOjAuMCwiTGluZVR5cGUiOjAsIlBhcmVudFN0eWxlIjpudWxsfSwiUGFyZW50U3R5bGUiOm51bGx9LCJEYXRlRm9ybWF0Ijp7IiRpZCI6Ijg3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ODgwIiwiTGluZUNvbG9yIjpudWxsLCJMaW5lV2VpZ2h0IjowLjAsIkxpbmVUeXBlIjowLCJQYXJlbnRTdHlsZSI6bnVsbH0sIlBhcmVudFN0eWxlIjpudWxsfSwiRHVyYXRpb25TdHlsZSI6eyIkaWQiOiI4ODEiLCJGb250U2V0dGluZ3MiOnsiJGlkIjoiODgy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4ODMiLCJMaW5lQ29sb3IiOm51bGwsIkxpbmVXZWlnaHQiOjAuMCwiTGluZVR5cGUiOjAsIlBhcmVudFN0eWxlIjpudWxsfSwiUGFyZW50U3R5bGUiOm51bGx9LCJIb3Jpem9udGFsQ29ubmVjdG9yU3R5bGUiOnsiJGlkIjoiODg0IiwiTGluZUNvbG9yIjp7IiRyZWYiOiI5OSJ9LCJMaW5lV2VpZ2h0IjoxLjAsIkxpbmVUeXBlIjowLCJQYXJlbnRTdHlsZSI6bnVsbH0sIlZlcnRpY2FsQ29ubmVjdG9yU3R5bGUiOnsiJGlkIjoiODg1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ODk0IiwiTGluZUNvbG9yIjpudWxsLCJMaW5lV2VpZ2h0IjowLjAsIkxpbmVUeXBlIjowLCJQYXJlbnRTdHlsZSI6bnVsbH0sIlBhcmVudFN0eWxlIjpudWxsfSwiRGF0ZVN0eWxlIjp7IiRpZCI6Ijg5NSIsIkZvbnRTZXR0aW5ncyI6eyIkaWQiOiI4OTYiLCJGb250U2l6ZSI6OS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g5NyIsIkxpbmVDb2xvciI6bnVsbCwiTGluZVdlaWdodCI6MC4wLCJMaW5lVHlwZSI6MCwiUGFyZW50U3R5bGUiOm51bGx9LCJQYXJlbnRTdHlsZSI6bnVsbH0sIkRhdGVGb3JtYXQiOnsiJGlkIjoiODk4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5MDMiLCJMaW5lQ29sb3IiOm51bGwsIkxpbmVXZWlnaHQiOjAuMCwiTGluZVR5cGUiOjAsIlBhcmVudFN0eWxlIjpudWxsfSwiUGFyZW50U3R5bGUiOm51bGx9LCJEdXJhdGlvblN0eWxlIjp7IiRpZCI6IjkwNCIsIkZvbnRTZXR0aW5ncyI6eyIkaWQiOiI5MD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wNiIsIkxpbmVDb2xvciI6bnVsbCwiTGluZVdlaWdodCI6MC4wLCJMaW5lVHlwZSI6MCwiUGFyZW50U3R5bGUiOm51bGx9LCJQYXJlbnRTdHlsZSI6bnVsbH0sIkhvcml6b250YWxDb25uZWN0b3JTdHlsZSI6eyIkaWQiOiI5MDciLCJMaW5lQ29sb3IiOnsiJHJlZiI6Ijk5In0sIkxpbmVXZWlnaHQiOjEuMCwiTGluZVR5cGUiOjAsIlBhcmVudFN0eWxlIjpudWxsfSwiVmVydGljYWxDb25uZWN0b3JTdHlsZSI6eyIkaWQiOiI5MDgiLCJMaW5lQ29sb3IiOnsiJHJlZiI6IjEwMi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OTE3IiwiTGluZUNvbG9yIjpudWxsLCJMaW5lV2VpZ2h0IjowLjAsIkxpbmVUeXBlIjowLCJQYXJlbnRTdHlsZSI6bnVsbH0sIlBhcmVudFN0eWxlIjpudWxsfSwiRGF0ZVN0eWxlIjp7IiRpZCI6IjkxOCIsIkZvbnRTZXR0aW5ncyI6eyIkaWQiOiI5MTkiLCJGb250U2l6ZSI6OS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kyMCIsIkxpbmVDb2xvciI6bnVsbCwiTGluZVdlaWdodCI6MC4wLCJMaW5lVHlwZSI6MCwiUGFyZW50U3R5bGUiOm51bGx9LCJQYXJlbnRTdHlsZSI6bnVsbH0sIkRhdGVGb3JtYXQiOnsiJGlkIjoiOTI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OTI2IiwiTGluZUNvbG9yIjpudWxsLCJMaW5lV2VpZ2h0IjowLjAsIkxpbmVUeXBlIjowLCJQYXJlbnRTdHlsZSI6bnVsbH0sIlBhcmVudFN0eWxlIjpudWxsfSwiRHVyYXRpb25TdHlsZSI6eyIkaWQiOiI5MjciLCJGb250U2V0dGluZ3MiOnsiJGlkIjoiOTI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5MjkiLCJMaW5lQ29sb3IiOm51bGwsIkxpbmVXZWlnaHQiOjAuMCwiTGluZVR5cGUiOjAsIlBhcmVudFN0eWxlIjpudWxsfSwiUGFyZW50U3R5bGUiOm51bGx9LCJIb3Jpem9udGFsQ29ubmVjdG9yU3R5bGUiOnsiJGlkIjoiOTMwIiwiTGluZUNvbG9yIjp7IiRyZWYiOiI5OSJ9LCJMaW5lV2VpZ2h0IjoxLjAsIkxpbmVUeXBlIjowLCJQYXJlbnRTdHlsZSI6bnVsbH0sIlZlcnRpY2FsQ29ubmVjdG9yU3R5bGUiOnsiJGlkIjoiOTMx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kzOCIsIkxpbmVDb2xvciI6bnVsbCwiTGluZVdlaWdodCI6MC4wLCJMaW5lVHlwZSI6MCwiUGFyZW50U3R5bGUiOm51bGx9LCJQYXJlbnRTdHlsZSI6bnVsbH0sIkRhdGVTdHlsZSI6eyIkaWQiOiI5MzkiLCJGb250U2V0dGluZ3MiOnsiJGlkIjoiOTQwIiwiRm9udFNpemUiOjk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5NDEiLCJMaW5lQ29sb3IiOm51bGwsIkxpbmVXZWlnaHQiOjAuMCwiTGluZVR5cGUiOjAsIlBhcmVudFN0eWxlIjpudWxsfSwiUGFyZW50U3R5bGUiOm51bGx9LCJEYXRlRm9ybWF0Ijp7IiRpZCI6Ijk0Mi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k0NyIsIlVzZVRpbWUiOmZhbHNlLCJXb3JrRGF5U3RhcnQiOiIwMDowMDowMCIsIldvcmtEYXlFbmQiOiIyMzo1OTowMCJ9LCJMYXN0VXNlZFRlbXBsYXRlSWQiOiJlY2JjNmEyYy00YmE3LTQ5YmUtODlhMy01NTc4MzFjYjVlM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Motiv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Motiv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6</TotalTime>
  <Words>692</Words>
  <Application>Microsoft Office PowerPoint</Application>
  <PresentationFormat>Širokoúhlá obrazovka</PresentationFormat>
  <Paragraphs>172</Paragraphs>
  <Slides>8</Slides>
  <Notes>4</Notes>
  <HiddenSlides>0</HiddenSlides>
  <MMClips>0</MMClips>
  <ScaleCrop>false</ScaleCrop>
  <HeadingPairs>
    <vt:vector size="6" baseType="variant">
      <vt:variant>
        <vt:lpstr>Použitá písma</vt:lpstr>
      </vt:variant>
      <vt:variant>
        <vt:i4>6</vt:i4>
      </vt:variant>
      <vt:variant>
        <vt:lpstr>Motiv</vt:lpstr>
      </vt:variant>
      <vt:variant>
        <vt:i4>1</vt:i4>
      </vt:variant>
      <vt:variant>
        <vt:lpstr>Nadpisy snímků</vt:lpstr>
      </vt:variant>
      <vt:variant>
        <vt:i4>8</vt:i4>
      </vt:variant>
    </vt:vector>
  </HeadingPairs>
  <TitlesOfParts>
    <vt:vector size="15" baseType="lpstr">
      <vt:lpstr>Arial</vt:lpstr>
      <vt:lpstr>Arial Black</vt:lpstr>
      <vt:lpstr>Calibri</vt:lpstr>
      <vt:lpstr>Calibri Light</vt:lpstr>
      <vt:lpstr>Myriad Pro</vt:lpstr>
      <vt:lpstr>Tahoma</vt:lpstr>
      <vt:lpstr>Motiv Office</vt:lpstr>
      <vt:lpstr>Lubomír Fojtů  Waterways Directorate of the Czech Republic </vt:lpstr>
      <vt:lpstr>Waterway network of the Czech Republic – major bottlenecks</vt:lpstr>
      <vt:lpstr>Prezentace aplikace PowerPoint</vt:lpstr>
      <vt:lpstr>Prezentace aplikace PowerPoint</vt:lpstr>
      <vt:lpstr>East – East Mediteranean corridor of the core TEN-T network</vt:lpstr>
      <vt:lpstr>Prezentace aplikace PowerPoint</vt:lpstr>
      <vt:lpstr>Prezentace aplikace PowerPoint</vt:lpstr>
      <vt:lpstr>Prezentace aplikace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Lubomír Fojtů  Waterways Directorate of the Czech Republic </dc:title>
  <dc:creator>Lubomír Fojtů</dc:creator>
  <cp:lastModifiedBy>Lubomír Fojtů</cp:lastModifiedBy>
  <cp:revision>1</cp:revision>
  <dcterms:created xsi:type="dcterms:W3CDTF">2019-03-31T16:23:36Z</dcterms:created>
  <dcterms:modified xsi:type="dcterms:W3CDTF">2019-04-01T08:17:02Z</dcterms:modified>
</cp:coreProperties>
</file>